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3.xml" ContentType="application/vnd.openxmlformats-officedocument.theme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4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theme/theme5.xml" ContentType="application/vnd.openxmlformats-officedocument.theme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theme/theme6.xml" ContentType="application/vnd.openxmlformats-officedocument.theme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9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notesSlides/notesSlide1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50" r:id="rId5"/>
    <p:sldMasterId id="2147483767" r:id="rId6"/>
    <p:sldMasterId id="2147483662" r:id="rId7"/>
    <p:sldMasterId id="2147483672" r:id="rId8"/>
    <p:sldMasterId id="2147483680" r:id="rId9"/>
    <p:sldMasterId id="2147483706" r:id="rId10"/>
  </p:sldMasterIdLst>
  <p:notesMasterIdLst>
    <p:notesMasterId r:id="rId22"/>
  </p:notesMasterIdLst>
  <p:handoutMasterIdLst>
    <p:handoutMasterId r:id="rId23"/>
  </p:handoutMasterIdLst>
  <p:sldIdLst>
    <p:sldId id="272" r:id="rId11"/>
    <p:sldId id="279" r:id="rId12"/>
    <p:sldId id="283" r:id="rId13"/>
    <p:sldId id="276" r:id="rId14"/>
    <p:sldId id="280" r:id="rId15"/>
    <p:sldId id="273" r:id="rId16"/>
    <p:sldId id="284" r:id="rId17"/>
    <p:sldId id="278" r:id="rId18"/>
    <p:sldId id="277" r:id="rId19"/>
    <p:sldId id="282" r:id="rId20"/>
    <p:sldId id="271" r:id="rId21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3C65"/>
    <a:srgbClr val="FFFFFF"/>
    <a:srgbClr val="00BD72"/>
    <a:srgbClr val="C8F9E6"/>
    <a:srgbClr val="E7AFAD"/>
    <a:srgbClr val="BE3C37"/>
    <a:srgbClr val="F6EBCD"/>
    <a:srgbClr val="D09A00"/>
    <a:srgbClr val="05427B"/>
    <a:srgbClr val="05427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C5D1628-DB08-FC4A-8846-67566715743F}" v="34" dt="2021-11-16T14:17:09.69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9039" autoAdjust="0"/>
    <p:restoredTop sz="88287" autoAdjust="0"/>
  </p:normalViewPr>
  <p:slideViewPr>
    <p:cSldViewPr snapToGrid="0">
      <p:cViewPr>
        <p:scale>
          <a:sx n="89" d="100"/>
          <a:sy n="89" d="100"/>
        </p:scale>
        <p:origin x="1896" y="48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notesViewPr>
    <p:cSldViewPr snapToGrid="0">
      <p:cViewPr varScale="1">
        <p:scale>
          <a:sx n="80" d="100"/>
          <a:sy n="80" d="100"/>
        </p:scale>
        <p:origin x="186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1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1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5.xml"/><Relationship Id="rId23" Type="http://schemas.openxmlformats.org/officeDocument/2006/relationships/handoutMaster" Target="handoutMasters/handoutMaster1.xml"/><Relationship Id="rId28" Type="http://schemas.microsoft.com/office/2016/11/relationships/changesInfo" Target="changesInfos/changesInfo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9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4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irik Lian" userId="fd61fa22-a593-499a-9d93-9ab7056758e5" providerId="ADAL" clId="{3BE9E344-67BE-E747-9A44-7B214D28411C}"/>
    <pc:docChg chg="custSel addSld delSld modSld sldOrd">
      <pc:chgData name="Eirik Lian" userId="fd61fa22-a593-499a-9d93-9ab7056758e5" providerId="ADAL" clId="{3BE9E344-67BE-E747-9A44-7B214D28411C}" dt="2020-11-25T12:50:05.638" v="12" actId="2696"/>
      <pc:docMkLst>
        <pc:docMk/>
      </pc:docMkLst>
      <pc:sldChg chg="del">
        <pc:chgData name="Eirik Lian" userId="fd61fa22-a593-499a-9d93-9ab7056758e5" providerId="ADAL" clId="{3BE9E344-67BE-E747-9A44-7B214D28411C}" dt="2020-11-25T12:48:20.341" v="8" actId="2696"/>
        <pc:sldMkLst>
          <pc:docMk/>
          <pc:sldMk cId="695107238" sldId="259"/>
        </pc:sldMkLst>
      </pc:sldChg>
      <pc:sldChg chg="ord">
        <pc:chgData name="Eirik Lian" userId="fd61fa22-a593-499a-9d93-9ab7056758e5" providerId="ADAL" clId="{3BE9E344-67BE-E747-9A44-7B214D28411C}" dt="2020-11-25T12:49:49.736" v="10" actId="20578"/>
        <pc:sldMkLst>
          <pc:docMk/>
          <pc:sldMk cId="3258238136" sldId="260"/>
        </pc:sldMkLst>
      </pc:sldChg>
      <pc:sldChg chg="del">
        <pc:chgData name="Eirik Lian" userId="fd61fa22-a593-499a-9d93-9ab7056758e5" providerId="ADAL" clId="{3BE9E344-67BE-E747-9A44-7B214D28411C}" dt="2020-11-24T14:26:04.107" v="2" actId="2696"/>
        <pc:sldMkLst>
          <pc:docMk/>
          <pc:sldMk cId="3503133749" sldId="261"/>
        </pc:sldMkLst>
      </pc:sldChg>
      <pc:sldChg chg="addSp delSp modSp mod modClrScheme chgLayout">
        <pc:chgData name="Eirik Lian" userId="fd61fa22-a593-499a-9d93-9ab7056758e5" providerId="ADAL" clId="{3BE9E344-67BE-E747-9A44-7B214D28411C}" dt="2020-11-25T12:50:00.180" v="11" actId="700"/>
        <pc:sldMkLst>
          <pc:docMk/>
          <pc:sldMk cId="2881792189" sldId="262"/>
        </pc:sldMkLst>
        <pc:spChg chg="add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2" creationId="{78A3E8DC-48EC-3841-AD05-C63AA1B82A7C}"/>
          </ac:spMkLst>
        </pc:spChg>
        <pc:spChg chg="add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3" creationId="{B24AA005-F2E9-F14C-A552-24E89F4FA700}"/>
          </ac:spMkLst>
        </pc:spChg>
        <pc:spChg chg="add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4" creationId="{6432A8A3-E09E-B14A-9CF2-682F22561444}"/>
          </ac:spMkLst>
        </pc:spChg>
        <pc:spChg chg="add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5" creationId="{E7F29804-D47B-9944-89C7-754FAD99E297}"/>
          </ac:spMkLst>
        </pc:spChg>
        <pc:spChg chg="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7" creationId="{F1FC572D-175B-427D-A23C-41E88E8D3DDC}"/>
          </ac:spMkLst>
        </pc:spChg>
        <pc:spChg chg="del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8" creationId="{C7C97A56-75F6-4046-9EFB-B25A73CC923B}"/>
          </ac:spMkLst>
        </pc:spChg>
        <pc:spChg chg="del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9" creationId="{D6C8C833-946C-45AC-BCC1-7957EE337BDD}"/>
          </ac:spMkLst>
        </pc:spChg>
        <pc:spChg chg="del mod ord">
          <ac:chgData name="Eirik Lian" userId="fd61fa22-a593-499a-9d93-9ab7056758e5" providerId="ADAL" clId="{3BE9E344-67BE-E747-9A44-7B214D28411C}" dt="2020-11-25T12:50:00.180" v="11" actId="700"/>
          <ac:spMkLst>
            <pc:docMk/>
            <pc:sldMk cId="2881792189" sldId="262"/>
            <ac:spMk id="10" creationId="{DC27585C-E532-4075-B7ED-16386B4966CE}"/>
          </ac:spMkLst>
        </pc:spChg>
      </pc:sldChg>
      <pc:sldChg chg="new">
        <pc:chgData name="Eirik Lian" userId="fd61fa22-a593-499a-9d93-9ab7056758e5" providerId="ADAL" clId="{3BE9E344-67BE-E747-9A44-7B214D28411C}" dt="2020-11-24T14:26:00.163" v="1" actId="680"/>
        <pc:sldMkLst>
          <pc:docMk/>
          <pc:sldMk cId="2524255016" sldId="263"/>
        </pc:sldMkLst>
      </pc:sldChg>
      <pc:sldChg chg="new del">
        <pc:chgData name="Eirik Lian" userId="fd61fa22-a593-499a-9d93-9ab7056758e5" providerId="ADAL" clId="{3BE9E344-67BE-E747-9A44-7B214D28411C}" dt="2020-11-25T12:50:05.638" v="12" actId="2696"/>
        <pc:sldMkLst>
          <pc:docMk/>
          <pc:sldMk cId="1181338790" sldId="264"/>
        </pc:sldMkLst>
      </pc:sldChg>
      <pc:sldChg chg="addSp delSp modSp new del mod modClrScheme chgLayout">
        <pc:chgData name="Eirik Lian" userId="fd61fa22-a593-499a-9d93-9ab7056758e5" providerId="ADAL" clId="{3BE9E344-67BE-E747-9A44-7B214D28411C}" dt="2020-11-25T12:45:39.837" v="5" actId="2696"/>
        <pc:sldMkLst>
          <pc:docMk/>
          <pc:sldMk cId="3979387074" sldId="264"/>
        </pc:sldMkLst>
        <pc:spChg chg="del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2" creationId="{C7B7BD91-4E68-9848-858C-15E2152809EC}"/>
          </ac:spMkLst>
        </pc:spChg>
        <pc:spChg chg="del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3" creationId="{55CA68B9-FE1B-7B49-A9C5-99B9A976AA85}"/>
          </ac:spMkLst>
        </pc:spChg>
        <pc:spChg chg="del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4" creationId="{0CDC28DC-AFFF-3F43-AC70-E58ADB4ED3D6}"/>
          </ac:spMkLst>
        </pc:spChg>
        <pc:spChg chg="add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5" creationId="{3E112507-2EAB-8C48-85E7-4EEA5195C572}"/>
          </ac:spMkLst>
        </pc:spChg>
        <pc:spChg chg="add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6" creationId="{31E7045C-E734-9B4F-BA98-CB4B8B16EC3B}"/>
          </ac:spMkLst>
        </pc:spChg>
        <pc:spChg chg="add mod ord">
          <ac:chgData name="Eirik Lian" userId="fd61fa22-a593-499a-9d93-9ab7056758e5" providerId="ADAL" clId="{3BE9E344-67BE-E747-9A44-7B214D28411C}" dt="2020-11-25T12:45:30.593" v="4" actId="700"/>
          <ac:spMkLst>
            <pc:docMk/>
            <pc:sldMk cId="3979387074" sldId="264"/>
            <ac:spMk id="7" creationId="{B50B2A2A-A8DB-8C4A-867A-CAEC98F66847}"/>
          </ac:spMkLst>
        </pc:spChg>
      </pc:sldChg>
      <pc:sldChg chg="new">
        <pc:chgData name="Eirik Lian" userId="fd61fa22-a593-499a-9d93-9ab7056758e5" providerId="ADAL" clId="{3BE9E344-67BE-E747-9A44-7B214D28411C}" dt="2020-11-25T12:49:44.559" v="9" actId="680"/>
        <pc:sldMkLst>
          <pc:docMk/>
          <pc:sldMk cId="3072614649" sldId="265"/>
        </pc:sldMkLst>
      </pc:sldChg>
    </pc:docChg>
  </pc:docChgLst>
  <pc:docChgLst>
    <pc:chgData name="Bjørnar Fjelldal" userId="74302481-3b68-4f3a-b147-7b18ca6ef395" providerId="ADAL" clId="{0238734A-F12F-384E-B87B-EC82A6735DE2}"/>
    <pc:docChg chg="undo custSel addSld delSld modSld sldOrd">
      <pc:chgData name="Bjørnar Fjelldal" userId="74302481-3b68-4f3a-b147-7b18ca6ef395" providerId="ADAL" clId="{0238734A-F12F-384E-B87B-EC82A6735DE2}" dt="2021-11-15T09:49:02.608" v="14472" actId="20577"/>
      <pc:docMkLst>
        <pc:docMk/>
      </pc:docMkLst>
      <pc:sldChg chg="modSp mod">
        <pc:chgData name="Bjørnar Fjelldal" userId="74302481-3b68-4f3a-b147-7b18ca6ef395" providerId="ADAL" clId="{0238734A-F12F-384E-B87B-EC82A6735DE2}" dt="2021-11-11T15:41:56.304" v="3893" actId="27636"/>
        <pc:sldMkLst>
          <pc:docMk/>
          <pc:sldMk cId="1108042337" sldId="268"/>
        </pc:sldMkLst>
        <pc:spChg chg="mod">
          <ac:chgData name="Bjørnar Fjelldal" userId="74302481-3b68-4f3a-b147-7b18ca6ef395" providerId="ADAL" clId="{0238734A-F12F-384E-B87B-EC82A6735DE2}" dt="2021-11-11T15:41:56.304" v="3893" actId="27636"/>
          <ac:spMkLst>
            <pc:docMk/>
            <pc:sldMk cId="1108042337" sldId="268"/>
            <ac:spMk id="5" creationId="{D87E4D8A-B607-DD45-BED7-5FFF57FEA53D}"/>
          </ac:spMkLst>
        </pc:spChg>
      </pc:sldChg>
      <pc:sldChg chg="modSp mod ord modNotesTx">
        <pc:chgData name="Bjørnar Fjelldal" userId="74302481-3b68-4f3a-b147-7b18ca6ef395" providerId="ADAL" clId="{0238734A-F12F-384E-B87B-EC82A6735DE2}" dt="2021-11-12T11:52:01.493" v="10632" actId="20577"/>
        <pc:sldMkLst>
          <pc:docMk/>
          <pc:sldMk cId="3619548704" sldId="272"/>
        </pc:sldMkLst>
        <pc:spChg chg="mod">
          <ac:chgData name="Bjørnar Fjelldal" userId="74302481-3b68-4f3a-b147-7b18ca6ef395" providerId="ADAL" clId="{0238734A-F12F-384E-B87B-EC82A6735DE2}" dt="2021-11-12T11:31:35.687" v="9201" actId="20577"/>
          <ac:spMkLst>
            <pc:docMk/>
            <pc:sldMk cId="3619548704" sldId="272"/>
            <ac:spMk id="3" creationId="{4509AD0D-3AF2-46F7-A244-92E828431792}"/>
          </ac:spMkLst>
        </pc:spChg>
        <pc:spChg chg="mod">
          <ac:chgData name="Bjørnar Fjelldal" userId="74302481-3b68-4f3a-b147-7b18ca6ef395" providerId="ADAL" clId="{0238734A-F12F-384E-B87B-EC82A6735DE2}" dt="2021-11-12T11:31:47.657" v="9257" actId="20577"/>
          <ac:spMkLst>
            <pc:docMk/>
            <pc:sldMk cId="3619548704" sldId="272"/>
            <ac:spMk id="4" creationId="{E39D27B4-83C7-47CF-A160-506EEF8E0EA4}"/>
          </ac:spMkLst>
        </pc:spChg>
      </pc:sldChg>
      <pc:sldChg chg="addSp delSp modSp new mod ord modClrScheme modAnim chgLayout modNotesTx">
        <pc:chgData name="Bjørnar Fjelldal" userId="74302481-3b68-4f3a-b147-7b18ca6ef395" providerId="ADAL" clId="{0238734A-F12F-384E-B87B-EC82A6735DE2}" dt="2021-11-12T12:05:32.649" v="10714"/>
        <pc:sldMkLst>
          <pc:docMk/>
          <pc:sldMk cId="4127959618" sldId="273"/>
        </pc:sldMkLst>
        <pc:spChg chg="del mod ord">
          <ac:chgData name="Bjørnar Fjelldal" userId="74302481-3b68-4f3a-b147-7b18ca6ef395" providerId="ADAL" clId="{0238734A-F12F-384E-B87B-EC82A6735DE2}" dt="2021-11-11T14:49:24" v="519" actId="700"/>
          <ac:spMkLst>
            <pc:docMk/>
            <pc:sldMk cId="4127959618" sldId="273"/>
            <ac:spMk id="2" creationId="{1410A4A7-BEBC-1746-A7AD-8DA2F0009BB4}"/>
          </ac:spMkLst>
        </pc:spChg>
        <pc:spChg chg="del mod ord">
          <ac:chgData name="Bjørnar Fjelldal" userId="74302481-3b68-4f3a-b147-7b18ca6ef395" providerId="ADAL" clId="{0238734A-F12F-384E-B87B-EC82A6735DE2}" dt="2021-11-11T14:49:24" v="519" actId="700"/>
          <ac:spMkLst>
            <pc:docMk/>
            <pc:sldMk cId="4127959618" sldId="273"/>
            <ac:spMk id="3" creationId="{02DBAB09-632B-854A-8E33-7A01E9910ECE}"/>
          </ac:spMkLst>
        </pc:spChg>
        <pc:spChg chg="add del mod ord">
          <ac:chgData name="Bjørnar Fjelldal" userId="74302481-3b68-4f3a-b147-7b18ca6ef395" providerId="ADAL" clId="{0238734A-F12F-384E-B87B-EC82A6735DE2}" dt="2021-11-11T14:49:57.530" v="523" actId="700"/>
          <ac:spMkLst>
            <pc:docMk/>
            <pc:sldMk cId="4127959618" sldId="273"/>
            <ac:spMk id="4" creationId="{734F3B5A-BFED-1F49-97C8-830415595020}"/>
          </ac:spMkLst>
        </pc:spChg>
        <pc:spChg chg="add del mod ord">
          <ac:chgData name="Bjørnar Fjelldal" userId="74302481-3b68-4f3a-b147-7b18ca6ef395" providerId="ADAL" clId="{0238734A-F12F-384E-B87B-EC82A6735DE2}" dt="2021-11-11T14:49:57.530" v="523" actId="700"/>
          <ac:spMkLst>
            <pc:docMk/>
            <pc:sldMk cId="4127959618" sldId="273"/>
            <ac:spMk id="5" creationId="{68492A9F-8F4E-4948-8293-ADA375555D86}"/>
          </ac:spMkLst>
        </pc:spChg>
        <pc:spChg chg="add del mod ord">
          <ac:chgData name="Bjørnar Fjelldal" userId="74302481-3b68-4f3a-b147-7b18ca6ef395" providerId="ADAL" clId="{0238734A-F12F-384E-B87B-EC82A6735DE2}" dt="2021-11-11T14:49:57.530" v="523" actId="700"/>
          <ac:spMkLst>
            <pc:docMk/>
            <pc:sldMk cId="4127959618" sldId="273"/>
            <ac:spMk id="6" creationId="{E3FE3AE2-9DF8-064E-837A-88CCB48943D4}"/>
          </ac:spMkLst>
        </pc:spChg>
        <pc:spChg chg="add mod ord">
          <ac:chgData name="Bjørnar Fjelldal" userId="74302481-3b68-4f3a-b147-7b18ca6ef395" providerId="ADAL" clId="{0238734A-F12F-384E-B87B-EC82A6735DE2}" dt="2021-11-12T11:49:05.688" v="10369" actId="20577"/>
          <ac:spMkLst>
            <pc:docMk/>
            <pc:sldMk cId="4127959618" sldId="273"/>
            <ac:spMk id="7" creationId="{6E739576-00EE-5F42-AD97-03E5E8856073}"/>
          </ac:spMkLst>
        </pc:spChg>
        <pc:spChg chg="add del mod ord">
          <ac:chgData name="Bjørnar Fjelldal" userId="74302481-3b68-4f3a-b147-7b18ca6ef395" providerId="ADAL" clId="{0238734A-F12F-384E-B87B-EC82A6735DE2}" dt="2021-11-12T11:48:36.135" v="10361" actId="1076"/>
          <ac:spMkLst>
            <pc:docMk/>
            <pc:sldMk cId="4127959618" sldId="273"/>
            <ac:spMk id="8" creationId="{335D9506-ED06-8C4D-8D24-E25C77DA1F77}"/>
          </ac:spMkLst>
        </pc:spChg>
        <pc:picChg chg="add mod">
          <ac:chgData name="Bjørnar Fjelldal" userId="74302481-3b68-4f3a-b147-7b18ca6ef395" providerId="ADAL" clId="{0238734A-F12F-384E-B87B-EC82A6735DE2}" dt="2021-11-11T14:50:02.833" v="525" actId="14100"/>
          <ac:picMkLst>
            <pc:docMk/>
            <pc:sldMk cId="4127959618" sldId="273"/>
            <ac:picMk id="1026" creationId="{85016F48-8AC3-4543-A3A1-184B9710BD3E}"/>
          </ac:picMkLst>
        </pc:picChg>
        <pc:picChg chg="add del mod">
          <ac:chgData name="Bjørnar Fjelldal" userId="74302481-3b68-4f3a-b147-7b18ca6ef395" providerId="ADAL" clId="{0238734A-F12F-384E-B87B-EC82A6735DE2}" dt="2021-11-11T14:48:30.912" v="511" actId="478"/>
          <ac:picMkLst>
            <pc:docMk/>
            <pc:sldMk cId="4127959618" sldId="273"/>
            <ac:picMk id="1028" creationId="{36957036-C75E-AA4B-9816-2056FD49522B}"/>
          </ac:picMkLst>
        </pc:picChg>
        <pc:picChg chg="add mod">
          <ac:chgData name="Bjørnar Fjelldal" userId="74302481-3b68-4f3a-b147-7b18ca6ef395" providerId="ADAL" clId="{0238734A-F12F-384E-B87B-EC82A6735DE2}" dt="2021-11-11T14:50:06.951" v="527" actId="1076"/>
          <ac:picMkLst>
            <pc:docMk/>
            <pc:sldMk cId="4127959618" sldId="273"/>
            <ac:picMk id="1030" creationId="{2A22AFBA-140B-1446-9C68-347DAB641E62}"/>
          </ac:picMkLst>
        </pc:picChg>
        <pc:picChg chg="add mod">
          <ac:chgData name="Bjørnar Fjelldal" userId="74302481-3b68-4f3a-b147-7b18ca6ef395" providerId="ADAL" clId="{0238734A-F12F-384E-B87B-EC82A6735DE2}" dt="2021-11-11T14:50:05.264" v="526" actId="1076"/>
          <ac:picMkLst>
            <pc:docMk/>
            <pc:sldMk cId="4127959618" sldId="273"/>
            <ac:picMk id="1032" creationId="{2F2538C7-281F-3844-87FF-6A13D3B953F2}"/>
          </ac:picMkLst>
        </pc:picChg>
        <pc:picChg chg="add mod">
          <ac:chgData name="Bjørnar Fjelldal" userId="74302481-3b68-4f3a-b147-7b18ca6ef395" providerId="ADAL" clId="{0238734A-F12F-384E-B87B-EC82A6735DE2}" dt="2021-11-11T14:50:08.515" v="528" actId="1076"/>
          <ac:picMkLst>
            <pc:docMk/>
            <pc:sldMk cId="4127959618" sldId="273"/>
            <ac:picMk id="1034" creationId="{EBBB9311-B2B3-F94F-A95E-3A1A9B4A0648}"/>
          </ac:picMkLst>
        </pc:picChg>
      </pc:sldChg>
      <pc:sldChg chg="addSp delSp modSp new add del mod modClrScheme modAnim chgLayout modNotesTx">
        <pc:chgData name="Bjørnar Fjelldal" userId="74302481-3b68-4f3a-b147-7b18ca6ef395" providerId="ADAL" clId="{0238734A-F12F-384E-B87B-EC82A6735DE2}" dt="2021-11-12T12:04:18.656" v="10701" actId="2696"/>
        <pc:sldMkLst>
          <pc:docMk/>
          <pc:sldMk cId="3730660337" sldId="274"/>
        </pc:sldMkLst>
        <pc:spChg chg="del">
          <ac:chgData name="Bjørnar Fjelldal" userId="74302481-3b68-4f3a-b147-7b18ca6ef395" providerId="ADAL" clId="{0238734A-F12F-384E-B87B-EC82A6735DE2}" dt="2021-11-11T14:52:40.279" v="624" actId="478"/>
          <ac:spMkLst>
            <pc:docMk/>
            <pc:sldMk cId="3730660337" sldId="274"/>
            <ac:spMk id="2" creationId="{4476969B-72DC-7B46-85C7-D87B4C9B1514}"/>
          </ac:spMkLst>
        </pc:spChg>
        <pc:spChg chg="del">
          <ac:chgData name="Bjørnar Fjelldal" userId="74302481-3b68-4f3a-b147-7b18ca6ef395" providerId="ADAL" clId="{0238734A-F12F-384E-B87B-EC82A6735DE2}" dt="2021-11-11T14:52:38.704" v="623" actId="478"/>
          <ac:spMkLst>
            <pc:docMk/>
            <pc:sldMk cId="3730660337" sldId="274"/>
            <ac:spMk id="3" creationId="{1C646F28-C6AD-8B47-87DA-E7E9ABFD3316}"/>
          </ac:spMkLst>
        </pc:spChg>
        <pc:spChg chg="add del mod ord">
          <ac:chgData name="Bjørnar Fjelldal" userId="74302481-3b68-4f3a-b147-7b18ca6ef395" providerId="ADAL" clId="{0238734A-F12F-384E-B87B-EC82A6735DE2}" dt="2021-11-12T11:32:03.363" v="9258" actId="700"/>
          <ac:spMkLst>
            <pc:docMk/>
            <pc:sldMk cId="3730660337" sldId="274"/>
            <ac:spMk id="5" creationId="{5AD88B75-869C-A44D-800A-2CF3E9C32467}"/>
          </ac:spMkLst>
        </pc:spChg>
        <pc:spChg chg="add del mod ord">
          <ac:chgData name="Bjørnar Fjelldal" userId="74302481-3b68-4f3a-b147-7b18ca6ef395" providerId="ADAL" clId="{0238734A-F12F-384E-B87B-EC82A6735DE2}" dt="2021-11-11T15:01:36.573" v="688"/>
          <ac:spMkLst>
            <pc:docMk/>
            <pc:sldMk cId="3730660337" sldId="274"/>
            <ac:spMk id="6" creationId="{63EB38C6-844D-7C42-868A-457C8682695F}"/>
          </ac:spMkLst>
        </pc:spChg>
        <pc:spChg chg="add del mod ord">
          <ac:chgData name="Bjørnar Fjelldal" userId="74302481-3b68-4f3a-b147-7b18ca6ef395" providerId="ADAL" clId="{0238734A-F12F-384E-B87B-EC82A6735DE2}" dt="2021-11-12T11:32:03.363" v="9258" actId="700"/>
          <ac:spMkLst>
            <pc:docMk/>
            <pc:sldMk cId="3730660337" sldId="274"/>
            <ac:spMk id="7" creationId="{C458DA15-9480-3F4E-B233-052454AE8801}"/>
          </ac:spMkLst>
        </pc:spChg>
        <pc:spChg chg="add del mod">
          <ac:chgData name="Bjørnar Fjelldal" userId="74302481-3b68-4f3a-b147-7b18ca6ef395" providerId="ADAL" clId="{0238734A-F12F-384E-B87B-EC82A6735DE2}" dt="2021-11-11T15:02:26.987" v="695"/>
          <ac:spMkLst>
            <pc:docMk/>
            <pc:sldMk cId="3730660337" sldId="274"/>
            <ac:spMk id="10" creationId="{80A9A6A0-E133-594B-8904-063224577C11}"/>
          </ac:spMkLst>
        </pc:spChg>
        <pc:spChg chg="add mod ord">
          <ac:chgData name="Bjørnar Fjelldal" userId="74302481-3b68-4f3a-b147-7b18ca6ef395" providerId="ADAL" clId="{0238734A-F12F-384E-B87B-EC82A6735DE2}" dt="2021-11-12T11:56:49.539" v="10655" actId="26606"/>
          <ac:spMkLst>
            <pc:docMk/>
            <pc:sldMk cId="3730660337" sldId="274"/>
            <ac:spMk id="13" creationId="{C0C5FC7B-C860-AE4E-9700-1A8E515598E3}"/>
          </ac:spMkLst>
        </pc:spChg>
        <pc:spChg chg="add mod ord">
          <ac:chgData name="Bjørnar Fjelldal" userId="74302481-3b68-4f3a-b147-7b18ca6ef395" providerId="ADAL" clId="{0238734A-F12F-384E-B87B-EC82A6735DE2}" dt="2021-11-12T11:56:49.539" v="10655" actId="26606"/>
          <ac:spMkLst>
            <pc:docMk/>
            <pc:sldMk cId="3730660337" sldId="274"/>
            <ac:spMk id="14" creationId="{69D65D21-F740-4740-B989-1A6A1E5DEEC5}"/>
          </ac:spMkLst>
        </pc:spChg>
        <pc:spChg chg="add del mod">
          <ac:chgData name="Bjørnar Fjelldal" userId="74302481-3b68-4f3a-b147-7b18ca6ef395" providerId="ADAL" clId="{0238734A-F12F-384E-B87B-EC82A6735DE2}" dt="2021-11-12T11:56:49.519" v="10654" actId="26606"/>
          <ac:spMkLst>
            <pc:docMk/>
            <pc:sldMk cId="3730660337" sldId="274"/>
            <ac:spMk id="19" creationId="{60EAA2B7-2E51-4457-8675-07DBAC4E6962}"/>
          </ac:spMkLst>
        </pc:spChg>
        <pc:spChg chg="add del mod">
          <ac:chgData name="Bjørnar Fjelldal" userId="74302481-3b68-4f3a-b147-7b18ca6ef395" providerId="ADAL" clId="{0238734A-F12F-384E-B87B-EC82A6735DE2}" dt="2021-11-12T11:56:49.519" v="10654" actId="26606"/>
          <ac:spMkLst>
            <pc:docMk/>
            <pc:sldMk cId="3730660337" sldId="274"/>
            <ac:spMk id="21" creationId="{18F15DAF-C306-44E7-B10F-2F9F1FEFEF33}"/>
          </ac:spMkLst>
        </pc:spChg>
        <pc:picChg chg="add del mod">
          <ac:chgData name="Bjørnar Fjelldal" userId="74302481-3b68-4f3a-b147-7b18ca6ef395" providerId="ADAL" clId="{0238734A-F12F-384E-B87B-EC82A6735DE2}" dt="2021-11-11T15:01:35.460" v="687" actId="21"/>
          <ac:picMkLst>
            <pc:docMk/>
            <pc:sldMk cId="3730660337" sldId="274"/>
            <ac:picMk id="4" creationId="{F93FDDA0-C11D-754B-9F1C-E0D05871482C}"/>
          </ac:picMkLst>
        </pc:picChg>
        <pc:picChg chg="add del mod modCrop">
          <ac:chgData name="Bjørnar Fjelldal" userId="74302481-3b68-4f3a-b147-7b18ca6ef395" providerId="ADAL" clId="{0238734A-F12F-384E-B87B-EC82A6735DE2}" dt="2021-11-11T15:02:21.711" v="690" actId="478"/>
          <ac:picMkLst>
            <pc:docMk/>
            <pc:sldMk cId="3730660337" sldId="274"/>
            <ac:picMk id="8" creationId="{B4993AD5-7196-BD44-AC0D-823475FB2041}"/>
          </ac:picMkLst>
        </pc:picChg>
        <pc:picChg chg="add del mod">
          <ac:chgData name="Bjørnar Fjelldal" userId="74302481-3b68-4f3a-b147-7b18ca6ef395" providerId="ADAL" clId="{0238734A-F12F-384E-B87B-EC82A6735DE2}" dt="2021-11-11T15:02:24.289" v="693"/>
          <ac:picMkLst>
            <pc:docMk/>
            <pc:sldMk cId="3730660337" sldId="274"/>
            <ac:picMk id="11" creationId="{F008501E-2693-5446-B003-4335D973CCD0}"/>
          </ac:picMkLst>
        </pc:picChg>
        <pc:picChg chg="add mod ord modCrop">
          <ac:chgData name="Bjørnar Fjelldal" userId="74302481-3b68-4f3a-b147-7b18ca6ef395" providerId="ADAL" clId="{0238734A-F12F-384E-B87B-EC82A6735DE2}" dt="2021-11-12T11:57:08.459" v="10657" actId="1076"/>
          <ac:picMkLst>
            <pc:docMk/>
            <pc:sldMk cId="3730660337" sldId="274"/>
            <ac:picMk id="12" creationId="{582BEAC7-4852-E446-A5D3-AC41497794FA}"/>
          </ac:picMkLst>
        </pc:picChg>
        <pc:picChg chg="add del mod">
          <ac:chgData name="Bjørnar Fjelldal" userId="74302481-3b68-4f3a-b147-7b18ca6ef395" providerId="ADAL" clId="{0238734A-F12F-384E-B87B-EC82A6735DE2}" dt="2021-11-12T11:56:13.016" v="10643" actId="478"/>
          <ac:picMkLst>
            <pc:docMk/>
            <pc:sldMk cId="3730660337" sldId="274"/>
            <ac:picMk id="15" creationId="{F5264610-0F2C-E242-975B-E8300C03541C}"/>
          </ac:picMkLst>
        </pc:picChg>
      </pc:sldChg>
      <pc:sldChg chg="addSp delSp modSp new del mod modClrScheme chgLayout modNotesTx">
        <pc:chgData name="Bjørnar Fjelldal" userId="74302481-3b68-4f3a-b147-7b18ca6ef395" providerId="ADAL" clId="{0238734A-F12F-384E-B87B-EC82A6735DE2}" dt="2021-11-12T12:04:43.617" v="10702" actId="2696"/>
        <pc:sldMkLst>
          <pc:docMk/>
          <pc:sldMk cId="968169562" sldId="275"/>
        </pc:sldMkLst>
        <pc:spChg chg="del mod ord">
          <ac:chgData name="Bjørnar Fjelldal" userId="74302481-3b68-4f3a-b147-7b18ca6ef395" providerId="ADAL" clId="{0238734A-F12F-384E-B87B-EC82A6735DE2}" dt="2021-11-11T14:59:55.814" v="661" actId="700"/>
          <ac:spMkLst>
            <pc:docMk/>
            <pc:sldMk cId="968169562" sldId="275"/>
            <ac:spMk id="2" creationId="{B29E1E61-387A-DF4C-BA12-BEB86335F6F8}"/>
          </ac:spMkLst>
        </pc:spChg>
        <pc:spChg chg="del mod ord">
          <ac:chgData name="Bjørnar Fjelldal" userId="74302481-3b68-4f3a-b147-7b18ca6ef395" providerId="ADAL" clId="{0238734A-F12F-384E-B87B-EC82A6735DE2}" dt="2021-11-11T14:59:55.814" v="661" actId="700"/>
          <ac:spMkLst>
            <pc:docMk/>
            <pc:sldMk cId="968169562" sldId="275"/>
            <ac:spMk id="3" creationId="{E2D9C538-3D6B-7F46-B90A-59CA76AD271A}"/>
          </ac:spMkLst>
        </pc:spChg>
        <pc:spChg chg="add mod ord">
          <ac:chgData name="Bjørnar Fjelldal" userId="74302481-3b68-4f3a-b147-7b18ca6ef395" providerId="ADAL" clId="{0238734A-F12F-384E-B87B-EC82A6735DE2}" dt="2021-11-11T14:59:55.814" v="661" actId="700"/>
          <ac:spMkLst>
            <pc:docMk/>
            <pc:sldMk cId="968169562" sldId="275"/>
            <ac:spMk id="5" creationId="{9607AF20-8CFC-484A-ADF4-5A071DA10D72}"/>
          </ac:spMkLst>
        </pc:spChg>
        <pc:spChg chg="add del mod ord">
          <ac:chgData name="Bjørnar Fjelldal" userId="74302481-3b68-4f3a-b147-7b18ca6ef395" providerId="ADAL" clId="{0238734A-F12F-384E-B87B-EC82A6735DE2}" dt="2021-11-11T14:59:59.829" v="663"/>
          <ac:spMkLst>
            <pc:docMk/>
            <pc:sldMk cId="968169562" sldId="275"/>
            <ac:spMk id="6" creationId="{470DC855-4D94-0E46-98F8-51E7BEC44D65}"/>
          </ac:spMkLst>
        </pc:spChg>
        <pc:spChg chg="add mod ord">
          <ac:chgData name="Bjørnar Fjelldal" userId="74302481-3b68-4f3a-b147-7b18ca6ef395" providerId="ADAL" clId="{0238734A-F12F-384E-B87B-EC82A6735DE2}" dt="2021-11-11T14:59:55.814" v="661" actId="700"/>
          <ac:spMkLst>
            <pc:docMk/>
            <pc:sldMk cId="968169562" sldId="275"/>
            <ac:spMk id="7" creationId="{7349F995-7979-8B4A-8F6E-6B7E4FDA5049}"/>
          </ac:spMkLst>
        </pc:spChg>
        <pc:picChg chg="add del mod">
          <ac:chgData name="Bjørnar Fjelldal" userId="74302481-3b68-4f3a-b147-7b18ca6ef395" providerId="ADAL" clId="{0238734A-F12F-384E-B87B-EC82A6735DE2}" dt="2021-11-11T14:59:57.204" v="662" actId="21"/>
          <ac:picMkLst>
            <pc:docMk/>
            <pc:sldMk cId="968169562" sldId="275"/>
            <ac:picMk id="4" creationId="{7CC9ECAF-9318-3341-AFAA-C4A96B2F460F}"/>
          </ac:picMkLst>
        </pc:picChg>
        <pc:picChg chg="add mod">
          <ac:chgData name="Bjørnar Fjelldal" userId="74302481-3b68-4f3a-b147-7b18ca6ef395" providerId="ADAL" clId="{0238734A-F12F-384E-B87B-EC82A6735DE2}" dt="2021-11-11T15:03:42.659" v="704" actId="732"/>
          <ac:picMkLst>
            <pc:docMk/>
            <pc:sldMk cId="968169562" sldId="275"/>
            <ac:picMk id="8" creationId="{E56E5F23-CAC0-094C-9343-C02A9F8E06D8}"/>
          </ac:picMkLst>
        </pc:picChg>
      </pc:sldChg>
      <pc:sldChg chg="delSp modSp new mod modNotesTx">
        <pc:chgData name="Bjørnar Fjelldal" userId="74302481-3b68-4f3a-b147-7b18ca6ef395" providerId="ADAL" clId="{0238734A-F12F-384E-B87B-EC82A6735DE2}" dt="2021-11-12T12:05:56.720" v="10717" actId="400"/>
        <pc:sldMkLst>
          <pc:docMk/>
          <pc:sldMk cId="1169926506" sldId="276"/>
        </pc:sldMkLst>
        <pc:spChg chg="del">
          <ac:chgData name="Bjørnar Fjelldal" userId="74302481-3b68-4f3a-b147-7b18ca6ef395" providerId="ADAL" clId="{0238734A-F12F-384E-B87B-EC82A6735DE2}" dt="2021-11-12T11:45:27.094" v="10322" actId="478"/>
          <ac:spMkLst>
            <pc:docMk/>
            <pc:sldMk cId="1169926506" sldId="276"/>
            <ac:spMk id="2" creationId="{D713894B-D60D-4449-9EF0-10D03C34D6A9}"/>
          </ac:spMkLst>
        </pc:spChg>
        <pc:spChg chg="mod">
          <ac:chgData name="Bjørnar Fjelldal" userId="74302481-3b68-4f3a-b147-7b18ca6ef395" providerId="ADAL" clId="{0238734A-F12F-384E-B87B-EC82A6735DE2}" dt="2021-11-12T12:05:56.720" v="10717" actId="400"/>
          <ac:spMkLst>
            <pc:docMk/>
            <pc:sldMk cId="1169926506" sldId="276"/>
            <ac:spMk id="3" creationId="{80FF5948-3097-9D4A-BFF9-CD69FA88D801}"/>
          </ac:spMkLst>
        </pc:spChg>
      </pc:sldChg>
      <pc:sldChg chg="addSp delSp modSp new mod modClrScheme chgLayout modNotesTx">
        <pc:chgData name="Bjørnar Fjelldal" userId="74302481-3b68-4f3a-b147-7b18ca6ef395" providerId="ADAL" clId="{0238734A-F12F-384E-B87B-EC82A6735DE2}" dt="2021-11-15T08:12:46.662" v="13750" actId="122"/>
        <pc:sldMkLst>
          <pc:docMk/>
          <pc:sldMk cId="1021314685" sldId="277"/>
        </pc:sldMkLst>
        <pc:spChg chg="add del mod ord">
          <ac:chgData name="Bjørnar Fjelldal" userId="74302481-3b68-4f3a-b147-7b18ca6ef395" providerId="ADAL" clId="{0238734A-F12F-384E-B87B-EC82A6735DE2}" dt="2021-11-11T15:08:55.828" v="861" actId="700"/>
          <ac:spMkLst>
            <pc:docMk/>
            <pc:sldMk cId="1021314685" sldId="277"/>
            <ac:spMk id="2" creationId="{C2C12D6C-74D5-DB41-83E7-E1A86B468B82}"/>
          </ac:spMkLst>
        </pc:spChg>
        <pc:spChg chg="add del mod">
          <ac:chgData name="Bjørnar Fjelldal" userId="74302481-3b68-4f3a-b147-7b18ca6ef395" providerId="ADAL" clId="{0238734A-F12F-384E-B87B-EC82A6735DE2}" dt="2021-11-11T15:08:55.828" v="861" actId="700"/>
          <ac:spMkLst>
            <pc:docMk/>
            <pc:sldMk cId="1021314685" sldId="277"/>
            <ac:spMk id="3" creationId="{D5212880-6B15-A949-9A8A-EE9C064C25F6}"/>
          </ac:spMkLst>
        </pc:spChg>
        <pc:spChg chg="add del mod ord">
          <ac:chgData name="Bjørnar Fjelldal" userId="74302481-3b68-4f3a-b147-7b18ca6ef395" providerId="ADAL" clId="{0238734A-F12F-384E-B87B-EC82A6735DE2}" dt="2021-11-11T15:08:46.782" v="857" actId="700"/>
          <ac:spMkLst>
            <pc:docMk/>
            <pc:sldMk cId="1021314685" sldId="277"/>
            <ac:spMk id="4" creationId="{1858D6B0-86E7-7A41-94AD-F2FCA676F718}"/>
          </ac:spMkLst>
        </pc:spChg>
        <pc:spChg chg="add mod ord">
          <ac:chgData name="Bjørnar Fjelldal" userId="74302481-3b68-4f3a-b147-7b18ca6ef395" providerId="ADAL" clId="{0238734A-F12F-384E-B87B-EC82A6735DE2}" dt="2021-11-12T13:18:25.890" v="10778" actId="20577"/>
          <ac:spMkLst>
            <pc:docMk/>
            <pc:sldMk cId="1021314685" sldId="277"/>
            <ac:spMk id="5" creationId="{3B8A502C-2DAD-9648-AF50-A6484A65F9C2}"/>
          </ac:spMkLst>
        </pc:spChg>
        <pc:spChg chg="add del">
          <ac:chgData name="Bjørnar Fjelldal" userId="74302481-3b68-4f3a-b147-7b18ca6ef395" providerId="ADAL" clId="{0238734A-F12F-384E-B87B-EC82A6735DE2}" dt="2021-11-15T07:59:09.937" v="13237" actId="11529"/>
          <ac:spMkLst>
            <pc:docMk/>
            <pc:sldMk cId="1021314685" sldId="277"/>
            <ac:spMk id="8" creationId="{8FEBEC4F-64B2-3C43-9691-D20310B0B1CE}"/>
          </ac:spMkLst>
        </pc:spChg>
        <pc:spChg chg="add mod">
          <ac:chgData name="Bjørnar Fjelldal" userId="74302481-3b68-4f3a-b147-7b18ca6ef395" providerId="ADAL" clId="{0238734A-F12F-384E-B87B-EC82A6735DE2}" dt="2021-11-15T08:12:46.662" v="13750" actId="122"/>
          <ac:spMkLst>
            <pc:docMk/>
            <pc:sldMk cId="1021314685" sldId="277"/>
            <ac:spMk id="9" creationId="{4F52D0CE-7AF0-0949-8020-1FF8EDCFF2DA}"/>
          </ac:spMkLst>
        </pc:spChg>
        <pc:spChg chg="add mod">
          <ac:chgData name="Bjørnar Fjelldal" userId="74302481-3b68-4f3a-b147-7b18ca6ef395" providerId="ADAL" clId="{0238734A-F12F-384E-B87B-EC82A6735DE2}" dt="2021-11-15T08:07:44.835" v="13446" actId="14100"/>
          <ac:spMkLst>
            <pc:docMk/>
            <pc:sldMk cId="1021314685" sldId="277"/>
            <ac:spMk id="12" creationId="{CD1BC93B-EE7D-7F48-B7BC-9BF2261AB750}"/>
          </ac:spMkLst>
        </pc:spChg>
        <pc:spChg chg="add mod">
          <ac:chgData name="Bjørnar Fjelldal" userId="74302481-3b68-4f3a-b147-7b18ca6ef395" providerId="ADAL" clId="{0238734A-F12F-384E-B87B-EC82A6735DE2}" dt="2021-11-15T08:11:45.101" v="13563" actId="1076"/>
          <ac:spMkLst>
            <pc:docMk/>
            <pc:sldMk cId="1021314685" sldId="277"/>
            <ac:spMk id="13" creationId="{B4A918D9-EB5D-664A-9FA1-CED451E740D1}"/>
          </ac:spMkLst>
        </pc:spChg>
        <pc:spChg chg="add mod">
          <ac:chgData name="Bjørnar Fjelldal" userId="74302481-3b68-4f3a-b147-7b18ca6ef395" providerId="ADAL" clId="{0238734A-F12F-384E-B87B-EC82A6735DE2}" dt="2021-11-15T08:12:42.102" v="13749" actId="122"/>
          <ac:spMkLst>
            <pc:docMk/>
            <pc:sldMk cId="1021314685" sldId="277"/>
            <ac:spMk id="17" creationId="{F9433A30-ECDD-434C-A0AD-6CA720F921E6}"/>
          </ac:spMkLst>
        </pc:spChg>
        <pc:spChg chg="add del mod">
          <ac:chgData name="Bjørnar Fjelldal" userId="74302481-3b68-4f3a-b147-7b18ca6ef395" providerId="ADAL" clId="{0238734A-F12F-384E-B87B-EC82A6735DE2}" dt="2021-11-15T08:09:06.498" v="13462" actId="478"/>
          <ac:spMkLst>
            <pc:docMk/>
            <pc:sldMk cId="1021314685" sldId="277"/>
            <ac:spMk id="18" creationId="{A257BD05-C06C-BE4B-A1EC-9369ECF4992C}"/>
          </ac:spMkLst>
        </pc:spChg>
        <pc:spChg chg="add mod">
          <ac:chgData name="Bjørnar Fjelldal" userId="74302481-3b68-4f3a-b147-7b18ca6ef395" providerId="ADAL" clId="{0238734A-F12F-384E-B87B-EC82A6735DE2}" dt="2021-11-15T08:12:38.953" v="13748" actId="122"/>
          <ac:spMkLst>
            <pc:docMk/>
            <pc:sldMk cId="1021314685" sldId="277"/>
            <ac:spMk id="19" creationId="{4EADEA53-C898-674D-82A8-2E6326F0CBFE}"/>
          </ac:spMkLst>
        </pc:spChg>
        <pc:spChg chg="add del mod">
          <ac:chgData name="Bjørnar Fjelldal" userId="74302481-3b68-4f3a-b147-7b18ca6ef395" providerId="ADAL" clId="{0238734A-F12F-384E-B87B-EC82A6735DE2}" dt="2021-11-15T08:07:47.100" v="13447" actId="478"/>
          <ac:spMkLst>
            <pc:docMk/>
            <pc:sldMk cId="1021314685" sldId="277"/>
            <ac:spMk id="23" creationId="{C1FFA062-9B0C-9645-AC8E-1AAEE55C7B4D}"/>
          </ac:spMkLst>
        </pc:spChg>
        <pc:spChg chg="add del mod">
          <ac:chgData name="Bjørnar Fjelldal" userId="74302481-3b68-4f3a-b147-7b18ca6ef395" providerId="ADAL" clId="{0238734A-F12F-384E-B87B-EC82A6735DE2}" dt="2021-11-15T08:07:48.736" v="13448" actId="478"/>
          <ac:spMkLst>
            <pc:docMk/>
            <pc:sldMk cId="1021314685" sldId="277"/>
            <ac:spMk id="24" creationId="{D4D1FE4F-223A-6742-A06B-9FCA9342E353}"/>
          </ac:spMkLst>
        </pc:spChg>
        <pc:spChg chg="add del mod">
          <ac:chgData name="Bjørnar Fjelldal" userId="74302481-3b68-4f3a-b147-7b18ca6ef395" providerId="ADAL" clId="{0238734A-F12F-384E-B87B-EC82A6735DE2}" dt="2021-11-15T08:07:05.612" v="13438" actId="478"/>
          <ac:spMkLst>
            <pc:docMk/>
            <pc:sldMk cId="1021314685" sldId="277"/>
            <ac:spMk id="25" creationId="{1DE84776-6FBF-124C-B14F-C2AD49830FC0}"/>
          </ac:spMkLst>
        </pc:spChg>
        <pc:spChg chg="add mod">
          <ac:chgData name="Bjørnar Fjelldal" userId="74302481-3b68-4f3a-b147-7b18ca6ef395" providerId="ADAL" clId="{0238734A-F12F-384E-B87B-EC82A6735DE2}" dt="2021-11-15T08:08:01.299" v="13454" actId="688"/>
          <ac:spMkLst>
            <pc:docMk/>
            <pc:sldMk cId="1021314685" sldId="277"/>
            <ac:spMk id="26" creationId="{E814F3EA-009A-3F40-8741-DD07A5549D74}"/>
          </ac:spMkLst>
        </pc:spChg>
        <pc:spChg chg="add mod">
          <ac:chgData name="Bjørnar Fjelldal" userId="74302481-3b68-4f3a-b147-7b18ca6ef395" providerId="ADAL" clId="{0238734A-F12F-384E-B87B-EC82A6735DE2}" dt="2021-11-15T08:12:11.091" v="13747" actId="207"/>
          <ac:spMkLst>
            <pc:docMk/>
            <pc:sldMk cId="1021314685" sldId="277"/>
            <ac:spMk id="27" creationId="{1807CCB4-5EAC-FA47-93FD-B71410DF3679}"/>
          </ac:spMkLst>
        </pc:spChg>
        <pc:picChg chg="add del mod">
          <ac:chgData name="Bjørnar Fjelldal" userId="74302481-3b68-4f3a-b147-7b18ca6ef395" providerId="ADAL" clId="{0238734A-F12F-384E-B87B-EC82A6735DE2}" dt="2021-11-15T08:04:54.778" v="13369" actId="478"/>
          <ac:picMkLst>
            <pc:docMk/>
            <pc:sldMk cId="1021314685" sldId="277"/>
            <ac:picMk id="7" creationId="{0293CA50-44FB-594A-B67F-91EED28B5973}"/>
          </ac:picMkLst>
        </pc:picChg>
        <pc:picChg chg="add mod">
          <ac:chgData name="Bjørnar Fjelldal" userId="74302481-3b68-4f3a-b147-7b18ca6ef395" providerId="ADAL" clId="{0238734A-F12F-384E-B87B-EC82A6735DE2}" dt="2021-11-15T08:07:26.609" v="13441" actId="1076"/>
          <ac:picMkLst>
            <pc:docMk/>
            <pc:sldMk cId="1021314685" sldId="277"/>
            <ac:picMk id="2050" creationId="{A6558151-DBAA-6C4B-9115-9E109AC554AD}"/>
          </ac:picMkLst>
        </pc:picChg>
        <pc:picChg chg="add del mod">
          <ac:chgData name="Bjørnar Fjelldal" userId="74302481-3b68-4f3a-b147-7b18ca6ef395" providerId="ADAL" clId="{0238734A-F12F-384E-B87B-EC82A6735DE2}" dt="2021-11-11T15:06:56.352" v="832"/>
          <ac:picMkLst>
            <pc:docMk/>
            <pc:sldMk cId="1021314685" sldId="277"/>
            <ac:picMk id="2052" creationId="{9C77FC70-072D-734B-BE77-33F064FF77FB}"/>
          </ac:picMkLst>
        </pc:picChg>
        <pc:picChg chg="add del mod">
          <ac:chgData name="Bjørnar Fjelldal" userId="74302481-3b68-4f3a-b147-7b18ca6ef395" providerId="ADAL" clId="{0238734A-F12F-384E-B87B-EC82A6735DE2}" dt="2021-11-11T15:07:09.503" v="840"/>
          <ac:picMkLst>
            <pc:docMk/>
            <pc:sldMk cId="1021314685" sldId="277"/>
            <ac:picMk id="2054" creationId="{680444ED-B177-8E4D-8973-EB06699A0E28}"/>
          </ac:picMkLst>
        </pc:picChg>
        <pc:picChg chg="add del mod">
          <ac:chgData name="Bjørnar Fjelldal" userId="74302481-3b68-4f3a-b147-7b18ca6ef395" providerId="ADAL" clId="{0238734A-F12F-384E-B87B-EC82A6735DE2}" dt="2021-11-15T08:07:12.187" v="13439" actId="1076"/>
          <ac:picMkLst>
            <pc:docMk/>
            <pc:sldMk cId="1021314685" sldId="277"/>
            <ac:picMk id="2056" creationId="{E667AB41-48CB-074A-BBBE-F0CD213F6BA4}"/>
          </ac:picMkLst>
        </pc:picChg>
        <pc:picChg chg="add del mod">
          <ac:chgData name="Bjørnar Fjelldal" userId="74302481-3b68-4f3a-b147-7b18ca6ef395" providerId="ADAL" clId="{0238734A-F12F-384E-B87B-EC82A6735DE2}" dt="2021-11-11T15:08:47.659" v="858"/>
          <ac:picMkLst>
            <pc:docMk/>
            <pc:sldMk cId="1021314685" sldId="277"/>
            <ac:picMk id="2058" creationId="{D40A6BF2-4B80-3645-931B-F4A6955967AD}"/>
          </ac:picMkLst>
        </pc:picChg>
        <pc:picChg chg="add mod">
          <ac:chgData name="Bjørnar Fjelldal" userId="74302481-3b68-4f3a-b147-7b18ca6ef395" providerId="ADAL" clId="{0238734A-F12F-384E-B87B-EC82A6735DE2}" dt="2021-11-15T08:07:18.327" v="13440" actId="1076"/>
          <ac:picMkLst>
            <pc:docMk/>
            <pc:sldMk cId="1021314685" sldId="277"/>
            <ac:picMk id="2060" creationId="{A4D9E3E8-5134-804C-9CE3-0EAC92AE0528}"/>
          </ac:picMkLst>
        </pc:picChg>
        <pc:picChg chg="add mod">
          <ac:chgData name="Bjørnar Fjelldal" userId="74302481-3b68-4f3a-b147-7b18ca6ef395" providerId="ADAL" clId="{0238734A-F12F-384E-B87B-EC82A6735DE2}" dt="2021-11-15T08:09:14.180" v="13465" actId="1076"/>
          <ac:picMkLst>
            <pc:docMk/>
            <pc:sldMk cId="1021314685" sldId="277"/>
            <ac:picMk id="2062" creationId="{14C6E638-9D5D-5749-B55B-8184E7AD4C6A}"/>
          </ac:picMkLst>
        </pc:picChg>
        <pc:cxnChg chg="add del">
          <ac:chgData name="Bjørnar Fjelldal" userId="74302481-3b68-4f3a-b147-7b18ca6ef395" providerId="ADAL" clId="{0238734A-F12F-384E-B87B-EC82A6735DE2}" dt="2021-11-15T08:03:03.066" v="13355" actId="11529"/>
          <ac:cxnSpMkLst>
            <pc:docMk/>
            <pc:sldMk cId="1021314685" sldId="277"/>
            <ac:cxnSpMk id="11" creationId="{C79850CC-39CE-1B4F-BEC6-FBB517355D79}"/>
          </ac:cxnSpMkLst>
        </pc:cxnChg>
      </pc:sldChg>
      <pc:sldChg chg="delSp modSp new mod modNotesTx">
        <pc:chgData name="Bjørnar Fjelldal" userId="74302481-3b68-4f3a-b147-7b18ca6ef395" providerId="ADAL" clId="{0238734A-F12F-384E-B87B-EC82A6735DE2}" dt="2021-11-15T09:49:02.608" v="14472" actId="20577"/>
        <pc:sldMkLst>
          <pc:docMk/>
          <pc:sldMk cId="3185144433" sldId="278"/>
        </pc:sldMkLst>
        <pc:spChg chg="del">
          <ac:chgData name="Bjørnar Fjelldal" userId="74302481-3b68-4f3a-b147-7b18ca6ef395" providerId="ADAL" clId="{0238734A-F12F-384E-B87B-EC82A6735DE2}" dt="2021-11-12T11:47:05.835" v="10349" actId="478"/>
          <ac:spMkLst>
            <pc:docMk/>
            <pc:sldMk cId="3185144433" sldId="278"/>
            <ac:spMk id="2" creationId="{18CC1415-B1E9-5249-883D-4617E4061B8A}"/>
          </ac:spMkLst>
        </pc:spChg>
        <pc:spChg chg="mod">
          <ac:chgData name="Bjørnar Fjelldal" userId="74302481-3b68-4f3a-b147-7b18ca6ef395" providerId="ADAL" clId="{0238734A-F12F-384E-B87B-EC82A6735DE2}" dt="2021-11-12T11:47:06.870" v="10350" actId="20577"/>
          <ac:spMkLst>
            <pc:docMk/>
            <pc:sldMk cId="3185144433" sldId="278"/>
            <ac:spMk id="3" creationId="{0E88541D-827D-4441-813F-5EF907C3B425}"/>
          </ac:spMkLst>
        </pc:spChg>
      </pc:sldChg>
      <pc:sldChg chg="addSp delSp modSp add mod modAnim">
        <pc:chgData name="Bjørnar Fjelldal" userId="74302481-3b68-4f3a-b147-7b18ca6ef395" providerId="ADAL" clId="{0238734A-F12F-384E-B87B-EC82A6735DE2}" dt="2021-11-12T12:04:05.885" v="10698"/>
        <pc:sldMkLst>
          <pc:docMk/>
          <pc:sldMk cId="412437219" sldId="279"/>
        </pc:sldMkLst>
        <pc:picChg chg="add mod modCrop">
          <ac:chgData name="Bjørnar Fjelldal" userId="74302481-3b68-4f3a-b147-7b18ca6ef395" providerId="ADAL" clId="{0238734A-F12F-384E-B87B-EC82A6735DE2}" dt="2021-11-12T12:00:59.399" v="10687" actId="732"/>
          <ac:picMkLst>
            <pc:docMk/>
            <pc:sldMk cId="412437219" sldId="279"/>
            <ac:picMk id="2" creationId="{03AB36C7-CB26-E648-BF1F-51D740F317A5}"/>
          </ac:picMkLst>
        </pc:picChg>
        <pc:picChg chg="add del mod">
          <ac:chgData name="Bjørnar Fjelldal" userId="74302481-3b68-4f3a-b147-7b18ca6ef395" providerId="ADAL" clId="{0238734A-F12F-384E-B87B-EC82A6735DE2}" dt="2021-11-12T11:59:17.144" v="10669" actId="478"/>
          <ac:picMkLst>
            <pc:docMk/>
            <pc:sldMk cId="412437219" sldId="279"/>
            <ac:picMk id="5" creationId="{BF81F502-108B-5645-A869-39EDA7C2D220}"/>
          </ac:picMkLst>
        </pc:picChg>
        <pc:picChg chg="mod">
          <ac:chgData name="Bjørnar Fjelldal" userId="74302481-3b68-4f3a-b147-7b18ca6ef395" providerId="ADAL" clId="{0238734A-F12F-384E-B87B-EC82A6735DE2}" dt="2021-11-12T11:57:52.331" v="10661" actId="1076"/>
          <ac:picMkLst>
            <pc:docMk/>
            <pc:sldMk cId="412437219" sldId="279"/>
            <ac:picMk id="12" creationId="{582BEAC7-4852-E446-A5D3-AC41497794FA}"/>
          </ac:picMkLst>
        </pc:picChg>
      </pc:sldChg>
      <pc:sldChg chg="add del">
        <pc:chgData name="Bjørnar Fjelldal" userId="74302481-3b68-4f3a-b147-7b18ca6ef395" providerId="ADAL" clId="{0238734A-F12F-384E-B87B-EC82A6735DE2}" dt="2021-11-12T11:47:29.872" v="10352"/>
        <pc:sldMkLst>
          <pc:docMk/>
          <pc:sldMk cId="2663133641" sldId="279"/>
        </pc:sldMkLst>
      </pc:sldChg>
      <pc:sldChg chg="modSp add mod">
        <pc:chgData name="Bjørnar Fjelldal" userId="74302481-3b68-4f3a-b147-7b18ca6ef395" providerId="ADAL" clId="{0238734A-F12F-384E-B87B-EC82A6735DE2}" dt="2021-11-12T12:06:08.190" v="10719" actId="207"/>
        <pc:sldMkLst>
          <pc:docMk/>
          <pc:sldMk cId="4048953372" sldId="280"/>
        </pc:sldMkLst>
        <pc:spChg chg="mod">
          <ac:chgData name="Bjørnar Fjelldal" userId="74302481-3b68-4f3a-b147-7b18ca6ef395" providerId="ADAL" clId="{0238734A-F12F-384E-B87B-EC82A6735DE2}" dt="2021-11-12T12:06:08.190" v="10719" actId="207"/>
          <ac:spMkLst>
            <pc:docMk/>
            <pc:sldMk cId="4048953372" sldId="280"/>
            <ac:spMk id="3" creationId="{80FF5948-3097-9D4A-BFF9-CD69FA88D801}"/>
          </ac:spMkLst>
        </pc:spChg>
      </pc:sldChg>
      <pc:sldChg chg="add">
        <pc:chgData name="Bjørnar Fjelldal" userId="74302481-3b68-4f3a-b147-7b18ca6ef395" providerId="ADAL" clId="{0238734A-F12F-384E-B87B-EC82A6735DE2}" dt="2021-11-12T15:13:25.423" v="13209"/>
        <pc:sldMkLst>
          <pc:docMk/>
          <pc:sldMk cId="9875699" sldId="281"/>
        </pc:sldMkLst>
      </pc:sldChg>
      <pc:sldChg chg="modSp add mod">
        <pc:chgData name="Bjørnar Fjelldal" userId="74302481-3b68-4f3a-b147-7b18ca6ef395" providerId="ADAL" clId="{0238734A-F12F-384E-B87B-EC82A6735DE2}" dt="2021-11-12T15:13:39.351" v="13235" actId="20577"/>
        <pc:sldMkLst>
          <pc:docMk/>
          <pc:sldMk cId="145007152" sldId="282"/>
        </pc:sldMkLst>
        <pc:spChg chg="mod">
          <ac:chgData name="Bjørnar Fjelldal" userId="74302481-3b68-4f3a-b147-7b18ca6ef395" providerId="ADAL" clId="{0238734A-F12F-384E-B87B-EC82A6735DE2}" dt="2021-11-12T15:13:39.351" v="13235" actId="20577"/>
          <ac:spMkLst>
            <pc:docMk/>
            <pc:sldMk cId="145007152" sldId="282"/>
            <ac:spMk id="3" creationId="{0E88541D-827D-4441-813F-5EF907C3B425}"/>
          </ac:spMkLst>
        </pc:spChg>
      </pc:sldChg>
    </pc:docChg>
  </pc:docChgLst>
  <pc:docChgLst>
    <pc:chgData name="Eirik Lian" userId="fd61fa22-a593-499a-9d93-9ab7056758e5" providerId="ADAL" clId="{6C3851D4-A9BE-8F4D-A5D3-B15E1F563717}"/>
    <pc:docChg chg="addSld delSld sldOrd">
      <pc:chgData name="Eirik Lian" userId="fd61fa22-a593-499a-9d93-9ab7056758e5" providerId="ADAL" clId="{6C3851D4-A9BE-8F4D-A5D3-B15E1F563717}" dt="2021-01-06T08:40:36.816" v="2" actId="2696"/>
      <pc:docMkLst>
        <pc:docMk/>
      </pc:docMkLst>
      <pc:sldChg chg="del">
        <pc:chgData name="Eirik Lian" userId="fd61fa22-a593-499a-9d93-9ab7056758e5" providerId="ADAL" clId="{6C3851D4-A9BE-8F4D-A5D3-B15E1F563717}" dt="2021-01-06T08:40:36.816" v="2" actId="2696"/>
        <pc:sldMkLst>
          <pc:docMk/>
          <pc:sldMk cId="2881792189" sldId="262"/>
        </pc:sldMkLst>
      </pc:sldChg>
      <pc:sldChg chg="new ord">
        <pc:chgData name="Eirik Lian" userId="fd61fa22-a593-499a-9d93-9ab7056758e5" providerId="ADAL" clId="{6C3851D4-A9BE-8F4D-A5D3-B15E1F563717}" dt="2021-01-06T08:40:01.920" v="1" actId="20578"/>
        <pc:sldMkLst>
          <pc:docMk/>
          <pc:sldMk cId="620042618" sldId="266"/>
        </pc:sldMkLst>
      </pc:sldChg>
    </pc:docChg>
  </pc:docChgLst>
  <pc:docChgLst>
    <pc:chgData name="Jørgen Bye" userId="76df00ae-291b-4ca6-9bd7-e88d9169db91" providerId="ADAL" clId="{C198DFE1-CF00-4A37-A23D-F10BBBE24B76}"/>
    <pc:docChg chg="undo redo custSel modSld modMainMaster">
      <pc:chgData name="Jørgen Bye" userId="76df00ae-291b-4ca6-9bd7-e88d9169db91" providerId="ADAL" clId="{C198DFE1-CF00-4A37-A23D-F10BBBE24B76}" dt="2020-10-21T09:32:01.964" v="26" actId="6549"/>
      <pc:docMkLst>
        <pc:docMk/>
      </pc:docMkLst>
      <pc:sldChg chg="addSp delSp modSp mod chgLayout">
        <pc:chgData name="Jørgen Bye" userId="76df00ae-291b-4ca6-9bd7-e88d9169db91" providerId="ADAL" clId="{C198DFE1-CF00-4A37-A23D-F10BBBE24B76}" dt="2020-10-21T09:32:01.964" v="26" actId="6549"/>
        <pc:sldMkLst>
          <pc:docMk/>
          <pc:sldMk cId="1732357267" sldId="256"/>
        </pc:sldMkLst>
        <pc:spChg chg="add del mo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2" creationId="{9D919A3C-F6A0-4F4E-9580-B949BEA06C25}"/>
          </ac:spMkLst>
        </pc:spChg>
        <pc:spChg chg="add del mo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3" creationId="{2ED216D1-09BE-420E-92D6-CC983829300F}"/>
          </ac:spMkLst>
        </pc:spChg>
        <pc:spChg chg="add del mo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4" creationId="{525D26FF-E66D-428D-8C49-8E3BAC0D4E74}"/>
          </ac:spMkLst>
        </pc:spChg>
        <pc:spChg chg="add del mo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5" creationId="{F7126FFF-765C-4D5B-AA0A-DB999C32045A}"/>
          </ac:spMkLst>
        </pc:spChg>
        <pc:spChg chg="mod or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6" creationId="{800D3D5C-BD2E-4C48-BDEE-F61BABB0656A}"/>
          </ac:spMkLst>
        </pc:spChg>
        <pc:spChg chg="mod or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7" creationId="{57F875A6-E836-4929-AD14-8052B987A847}"/>
          </ac:spMkLst>
        </pc:spChg>
        <pc:spChg chg="add del mod or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8" creationId="{698119E0-DA17-4131-89F0-F79A96766B1D}"/>
          </ac:spMkLst>
        </pc:spChg>
        <pc:spChg chg="add del mod or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9" creationId="{1E8A67CD-BF6F-459E-9D84-5DE1B327E2AB}"/>
          </ac:spMkLst>
        </pc:spChg>
        <pc:spChg chg="add del mod ord">
          <ac:chgData name="Jørgen Bye" userId="76df00ae-291b-4ca6-9bd7-e88d9169db91" providerId="ADAL" clId="{C198DFE1-CF00-4A37-A23D-F10BBBE24B76}" dt="2020-10-21T09:31:55.280" v="21" actId="6264"/>
          <ac:spMkLst>
            <pc:docMk/>
            <pc:sldMk cId="1732357267" sldId="256"/>
            <ac:spMk id="10" creationId="{264AAF77-3326-4DCC-9E73-B0D737F4CA36}"/>
          </ac:spMkLst>
        </pc:spChg>
        <pc:spChg chg="mod ord">
          <ac:chgData name="Jørgen Bye" userId="76df00ae-291b-4ca6-9bd7-e88d9169db91" providerId="ADAL" clId="{C198DFE1-CF00-4A37-A23D-F10BBBE24B76}" dt="2020-10-21T09:32:01.133" v="25" actId="6549"/>
          <ac:spMkLst>
            <pc:docMk/>
            <pc:sldMk cId="1732357267" sldId="256"/>
            <ac:spMk id="11" creationId="{C6B0111E-5C73-4970-91AD-F0EB00D8E1D9}"/>
          </ac:spMkLst>
        </pc:spChg>
        <pc:spChg chg="mod ord">
          <ac:chgData name="Jørgen Bye" userId="76df00ae-291b-4ca6-9bd7-e88d9169db91" providerId="ADAL" clId="{C198DFE1-CF00-4A37-A23D-F10BBBE24B76}" dt="2020-10-21T09:32:01.964" v="26" actId="6549"/>
          <ac:spMkLst>
            <pc:docMk/>
            <pc:sldMk cId="1732357267" sldId="256"/>
            <ac:spMk id="12" creationId="{821DBA86-35BD-460A-B7A3-BAB23A4935C7}"/>
          </ac:spMkLst>
        </pc:spChg>
        <pc:spChg chg="add del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13" creationId="{EE0396AD-76D2-4B12-84E4-CA0556401967}"/>
          </ac:spMkLst>
        </pc:spChg>
        <pc:spChg chg="add del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14" creationId="{AD703675-BC34-4498-87DE-625041B21305}"/>
          </ac:spMkLst>
        </pc:spChg>
        <pc:spChg chg="add del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15" creationId="{E8A29DF6-0F16-4D16-A0DD-F424A214AD0A}"/>
          </ac:spMkLst>
        </pc:spChg>
        <pc:spChg chg="add del mo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18" creationId="{84408410-7480-4387-891F-BCCFFE73EEEA}"/>
          </ac:spMkLst>
        </pc:spChg>
        <pc:spChg chg="add del mo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19" creationId="{E626C9FB-7359-490A-BE87-8FB22966754C}"/>
          </ac:spMkLst>
        </pc:spChg>
        <pc:spChg chg="add del mo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20" creationId="{AA138022-6618-4D6E-BE30-5A7A33E35B07}"/>
          </ac:spMkLst>
        </pc:spChg>
        <pc:spChg chg="add del mo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21" creationId="{B7488BF3-B6C1-47B7-AB22-8A86EDB4844D}"/>
          </ac:spMkLst>
        </pc:spChg>
        <pc:spChg chg="add mod or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22" creationId="{D9A866C6-CE2A-456B-A9C9-5CFEA4EEB8A1}"/>
          </ac:spMkLst>
        </pc:spChg>
        <pc:spChg chg="add mod or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23" creationId="{524E9B52-C797-4488-B0A7-0C0B79D1201C}"/>
          </ac:spMkLst>
        </pc:spChg>
        <pc:spChg chg="add mod ord">
          <ac:chgData name="Jørgen Bye" userId="76df00ae-291b-4ca6-9bd7-e88d9169db91" providerId="ADAL" clId="{C198DFE1-CF00-4A37-A23D-F10BBBE24B76}" dt="2020-10-21T09:32:00.103" v="24" actId="6264"/>
          <ac:spMkLst>
            <pc:docMk/>
            <pc:sldMk cId="1732357267" sldId="256"/>
            <ac:spMk id="24" creationId="{A9A6BE02-C7B1-4399-8E7C-77213047D903}"/>
          </ac:spMkLst>
        </pc:spChg>
        <pc:picChg chg="add del mod">
          <ac:chgData name="Jørgen Bye" userId="76df00ae-291b-4ca6-9bd7-e88d9169db91" providerId="ADAL" clId="{C198DFE1-CF00-4A37-A23D-F10BBBE24B76}" dt="2020-10-21T09:31:53.952" v="20" actId="931"/>
          <ac:picMkLst>
            <pc:docMk/>
            <pc:sldMk cId="1732357267" sldId="256"/>
            <ac:picMk id="17" creationId="{9FAC3D00-502C-4927-8BEE-752BEB519C83}"/>
          </ac:picMkLst>
        </pc:picChg>
      </pc:sldChg>
      <pc:sldMasterChg chg="modSldLayout">
        <pc:chgData name="Jørgen Bye" userId="76df00ae-291b-4ca6-9bd7-e88d9169db91" providerId="ADAL" clId="{C198DFE1-CF00-4A37-A23D-F10BBBE24B76}" dt="2020-10-21T09:31:57.338" v="23" actId="14100"/>
        <pc:sldMasterMkLst>
          <pc:docMk/>
          <pc:sldMasterMk cId="4013363400" sldId="2147483662"/>
        </pc:sldMasterMkLst>
        <pc:sldLayoutChg chg="addSp delSp modSp mod">
          <pc:chgData name="Jørgen Bye" userId="76df00ae-291b-4ca6-9bd7-e88d9169db91" providerId="ADAL" clId="{C198DFE1-CF00-4A37-A23D-F10BBBE24B76}" dt="2020-10-21T09:31:57.338" v="23" actId="14100"/>
          <pc:sldLayoutMkLst>
            <pc:docMk/>
            <pc:sldMasterMk cId="4013363400" sldId="2147483662"/>
            <pc:sldLayoutMk cId="1404883753" sldId="2147483663"/>
          </pc:sldLayoutMkLst>
          <pc:spChg chg="del">
            <ac:chgData name="Jørgen Bye" userId="76df00ae-291b-4ca6-9bd7-e88d9169db91" providerId="ADAL" clId="{C198DFE1-CF00-4A37-A23D-F10BBBE24B76}" dt="2020-10-21T09:31:22.377" v="13" actId="478"/>
            <ac:spMkLst>
              <pc:docMk/>
              <pc:sldMasterMk cId="4013363400" sldId="2147483662"/>
              <pc:sldLayoutMk cId="1404883753" sldId="2147483663"/>
              <ac:spMk id="3" creationId="{8637D6E0-F061-4BBC-8DBC-562373D266A8}"/>
            </ac:spMkLst>
          </pc:spChg>
          <pc:spChg chg="del">
            <ac:chgData name="Jørgen Bye" userId="76df00ae-291b-4ca6-9bd7-e88d9169db91" providerId="ADAL" clId="{C198DFE1-CF00-4A37-A23D-F10BBBE24B76}" dt="2020-10-21T09:31:22.377" v="13" actId="478"/>
            <ac:spMkLst>
              <pc:docMk/>
              <pc:sldMasterMk cId="4013363400" sldId="2147483662"/>
              <pc:sldLayoutMk cId="1404883753" sldId="2147483663"/>
              <ac:spMk id="11" creationId="{E9977C2C-E54D-42E2-8519-62F412D90FA8}"/>
            </ac:spMkLst>
          </pc:spChg>
          <pc:spChg chg="add mod">
            <ac:chgData name="Jørgen Bye" userId="76df00ae-291b-4ca6-9bd7-e88d9169db91" providerId="ADAL" clId="{C198DFE1-CF00-4A37-A23D-F10BBBE24B76}" dt="2020-10-21T09:31:57.338" v="23" actId="14100"/>
            <ac:spMkLst>
              <pc:docMk/>
              <pc:sldMasterMk cId="4013363400" sldId="2147483662"/>
              <pc:sldLayoutMk cId="1404883753" sldId="2147483663"/>
              <ac:spMk id="12" creationId="{C4136857-8A04-412B-B6B5-632FD407B032}"/>
            </ac:spMkLst>
          </pc:spChg>
          <pc:spChg chg="add mod">
            <ac:chgData name="Jørgen Bye" userId="76df00ae-291b-4ca6-9bd7-e88d9169db91" providerId="ADAL" clId="{C198DFE1-CF00-4A37-A23D-F10BBBE24B76}" dt="2020-10-21T09:31:57.338" v="23" actId="14100"/>
            <ac:spMkLst>
              <pc:docMk/>
              <pc:sldMasterMk cId="4013363400" sldId="2147483662"/>
              <pc:sldLayoutMk cId="1404883753" sldId="2147483663"/>
              <ac:spMk id="13" creationId="{8EDF94FC-487E-4582-A68F-1CE82F069903}"/>
            </ac:spMkLst>
          </pc:spChg>
        </pc:sldLayoutChg>
      </pc:sldMasterChg>
    </pc:docChg>
  </pc:docChgLst>
  <pc:docChgLst>
    <pc:chgData name="Jonas Bratseth" userId="7880613d-1198-4bca-afa6-2725a9958330" providerId="ADAL" clId="{FF08786F-35DD-4FA5-91F3-FF8315EFC03A}"/>
    <pc:docChg chg="undo redo custSel addSld delSld modSld modMainMaster">
      <pc:chgData name="Jonas Bratseth" userId="7880613d-1198-4bca-afa6-2725a9958330" providerId="ADAL" clId="{FF08786F-35DD-4FA5-91F3-FF8315EFC03A}" dt="2021-04-26T06:12:21.477" v="1299" actId="167"/>
      <pc:docMkLst>
        <pc:docMk/>
      </pc:docMkLst>
      <pc:sldChg chg="addSp delSp modSp mod">
        <pc:chgData name="Jonas Bratseth" userId="7880613d-1198-4bca-afa6-2725a9958330" providerId="ADAL" clId="{FF08786F-35DD-4FA5-91F3-FF8315EFC03A}" dt="2021-04-23T11:38:45.826" v="1040" actId="21"/>
        <pc:sldMkLst>
          <pc:docMk/>
          <pc:sldMk cId="1108042337" sldId="268"/>
        </pc:sldMkLst>
        <pc:spChg chg="add del mod">
          <ac:chgData name="Jonas Bratseth" userId="7880613d-1198-4bca-afa6-2725a9958330" providerId="ADAL" clId="{FF08786F-35DD-4FA5-91F3-FF8315EFC03A}" dt="2021-04-23T11:38:45.826" v="1040" actId="21"/>
          <ac:spMkLst>
            <pc:docMk/>
            <pc:sldMk cId="1108042337" sldId="268"/>
            <ac:spMk id="2" creationId="{B213EF8E-A190-4CAB-B88A-AE902DA10B90}"/>
          </ac:spMkLst>
        </pc:spChg>
      </pc:sldChg>
      <pc:sldChg chg="addSp delSp modSp mod chgLayout">
        <pc:chgData name="Jonas Bratseth" userId="7880613d-1198-4bca-afa6-2725a9958330" providerId="ADAL" clId="{FF08786F-35DD-4FA5-91F3-FF8315EFC03A}" dt="2021-04-20T07:47:33.344" v="1023" actId="478"/>
        <pc:sldMkLst>
          <pc:docMk/>
          <pc:sldMk cId="3619548704" sldId="272"/>
        </pc:sldMkLst>
        <pc:spChg chg="add del mod">
          <ac:chgData name="Jonas Bratseth" userId="7880613d-1198-4bca-afa6-2725a9958330" providerId="ADAL" clId="{FF08786F-35DD-4FA5-91F3-FF8315EFC03A}" dt="2021-04-20T07:40:59.124" v="998" actId="478"/>
          <ac:spMkLst>
            <pc:docMk/>
            <pc:sldMk cId="3619548704" sldId="272"/>
            <ac:spMk id="2" creationId="{3711FB6D-FC2F-4E56-8D15-7473E266534E}"/>
          </ac:spMkLst>
        </pc:spChg>
        <pc:spChg chg="del">
          <ac:chgData name="Jonas Bratseth" userId="7880613d-1198-4bca-afa6-2725a9958330" providerId="ADAL" clId="{FF08786F-35DD-4FA5-91F3-FF8315EFC03A}" dt="2021-04-12T11:09:56.411" v="468" actId="6264"/>
          <ac:spMkLst>
            <pc:docMk/>
            <pc:sldMk cId="3619548704" sldId="272"/>
            <ac:spMk id="2" creationId="{907E8398-1A50-0A4D-9E9D-1F96F7728790}"/>
          </ac:spMkLst>
        </pc:spChg>
        <pc:spChg chg="del">
          <ac:chgData name="Jonas Bratseth" userId="7880613d-1198-4bca-afa6-2725a9958330" providerId="ADAL" clId="{FF08786F-35DD-4FA5-91F3-FF8315EFC03A}" dt="2021-04-12T11:09:56.411" v="468" actId="6264"/>
          <ac:spMkLst>
            <pc:docMk/>
            <pc:sldMk cId="3619548704" sldId="272"/>
            <ac:spMk id="3" creationId="{24C92E82-6503-4742-87BF-EA01E35341FC}"/>
          </ac:spMkLst>
        </pc:spChg>
        <pc:spChg chg="add del mod">
          <ac:chgData name="Jonas Bratseth" userId="7880613d-1198-4bca-afa6-2725a9958330" providerId="ADAL" clId="{FF08786F-35DD-4FA5-91F3-FF8315EFC03A}" dt="2021-04-20T07:47:28.839" v="1015" actId="478"/>
          <ac:spMkLst>
            <pc:docMk/>
            <pc:sldMk cId="3619548704" sldId="272"/>
            <ac:spMk id="3" creationId="{8E12E99B-E5BA-4B11-AEE6-E344D7D323F1}"/>
          </ac:spMkLst>
        </pc:spChg>
        <pc:spChg chg="add del mod">
          <ac:chgData name="Jonas Bratseth" userId="7880613d-1198-4bca-afa6-2725a9958330" providerId="ADAL" clId="{FF08786F-35DD-4FA5-91F3-FF8315EFC03A}" dt="2021-04-20T07:47:33.344" v="1023" actId="478"/>
          <ac:spMkLst>
            <pc:docMk/>
            <pc:sldMk cId="3619548704" sldId="272"/>
            <ac:spMk id="4" creationId="{AF0F4A00-703E-485D-A3F2-A5CE0302EAD7}"/>
          </ac:spMkLst>
        </pc:spChg>
        <pc:spChg chg="del">
          <ac:chgData name="Jonas Bratseth" userId="7880613d-1198-4bca-afa6-2725a9958330" providerId="ADAL" clId="{FF08786F-35DD-4FA5-91F3-FF8315EFC03A}" dt="2021-04-12T11:09:56.411" v="468" actId="6264"/>
          <ac:spMkLst>
            <pc:docMk/>
            <pc:sldMk cId="3619548704" sldId="272"/>
            <ac:spMk id="4" creationId="{B1FD42D6-262A-B347-89E8-D68D9A490C74}"/>
          </ac:spMkLst>
        </pc:spChg>
        <pc:spChg chg="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5" creationId="{33084687-7221-0946-B72A-2F8C5E8AA6EB}"/>
          </ac:spMkLst>
        </pc:spChg>
        <pc:spChg chg="add del mod">
          <ac:chgData name="Jonas Bratseth" userId="7880613d-1198-4bca-afa6-2725a9958330" providerId="ADAL" clId="{FF08786F-35DD-4FA5-91F3-FF8315EFC03A}" dt="2021-04-12T11:09:56.411" v="468" actId="6264"/>
          <ac:spMkLst>
            <pc:docMk/>
            <pc:sldMk cId="3619548704" sldId="272"/>
            <ac:spMk id="6" creationId="{54E54B49-C033-4901-87DD-E67E44BD9EC4}"/>
          </ac:spMkLst>
        </pc:spChg>
        <pc:spChg chg="add del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7" creationId="{EBB71CFA-999F-46E4-BF16-6B6BEA37F796}"/>
          </ac:spMkLst>
        </pc:spChg>
        <pc:spChg chg="add del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8" creationId="{5A848699-9682-4E64-8265-260C44247000}"/>
          </ac:spMkLst>
        </pc:spChg>
        <pc:spChg chg="add del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9" creationId="{FFFA9823-6C44-41B7-9863-A29E3DDEB736}"/>
          </ac:spMkLst>
        </pc:spChg>
        <pc:spChg chg="add del mo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10" creationId="{595E10EC-D1E5-4436-94DB-D398D8AC8D11}"/>
          </ac:spMkLst>
        </pc:spChg>
        <pc:spChg chg="add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11" creationId="{611280A8-E9CE-4521-8D6E-9480DC2E262D}"/>
          </ac:spMkLst>
        </pc:spChg>
        <pc:spChg chg="add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12" creationId="{CE44D5F5-C1BE-4A4B-A515-0C8CA1068255}"/>
          </ac:spMkLst>
        </pc:spChg>
        <pc:spChg chg="add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13" creationId="{1B27CDE1-40F6-4609-A19B-FAB846361F24}"/>
          </ac:spMkLst>
        </pc:spChg>
        <pc:spChg chg="add mod ord">
          <ac:chgData name="Jonas Bratseth" userId="7880613d-1198-4bca-afa6-2725a9958330" providerId="ADAL" clId="{FF08786F-35DD-4FA5-91F3-FF8315EFC03A}" dt="2021-04-12T11:12:03.368" v="508" actId="6264"/>
          <ac:spMkLst>
            <pc:docMk/>
            <pc:sldMk cId="3619548704" sldId="272"/>
            <ac:spMk id="14" creationId="{F47A3C85-2E7B-4B39-A8B0-2A8DE7974320}"/>
          </ac:spMkLst>
        </pc:spChg>
      </pc:sldChg>
      <pc:sldChg chg="new del">
        <pc:chgData name="Jonas Bratseth" userId="7880613d-1198-4bca-afa6-2725a9958330" providerId="ADAL" clId="{FF08786F-35DD-4FA5-91F3-FF8315EFC03A}" dt="2021-04-14T07:34:58.878" v="978" actId="47"/>
        <pc:sldMkLst>
          <pc:docMk/>
          <pc:sldMk cId="57885152" sldId="273"/>
        </pc:sldMkLst>
      </pc:sldChg>
      <pc:sldChg chg="addSp delSp new del mod">
        <pc:chgData name="Jonas Bratseth" userId="7880613d-1198-4bca-afa6-2725a9958330" providerId="ADAL" clId="{FF08786F-35DD-4FA5-91F3-FF8315EFC03A}" dt="2021-04-23T11:38:31.727" v="1031" actId="47"/>
        <pc:sldMkLst>
          <pc:docMk/>
          <pc:sldMk cId="2397006337" sldId="273"/>
        </pc:sldMkLst>
        <pc:spChg chg="add del">
          <ac:chgData name="Jonas Bratseth" userId="7880613d-1198-4bca-afa6-2725a9958330" providerId="ADAL" clId="{FF08786F-35DD-4FA5-91F3-FF8315EFC03A}" dt="2021-04-23T11:38:29.731" v="1030" actId="478"/>
          <ac:spMkLst>
            <pc:docMk/>
            <pc:sldMk cId="2397006337" sldId="273"/>
            <ac:spMk id="8" creationId="{5B9B3DCF-0C29-42F7-BE79-6A10C9CE9D45}"/>
          </ac:spMkLst>
        </pc:spChg>
      </pc:sldChg>
      <pc:sldChg chg="addSp delSp modSp new del mod">
        <pc:chgData name="Jonas Bratseth" userId="7880613d-1198-4bca-afa6-2725a9958330" providerId="ADAL" clId="{FF08786F-35DD-4FA5-91F3-FF8315EFC03A}" dt="2021-04-14T06:57:05.317" v="877" actId="47"/>
        <pc:sldMkLst>
          <pc:docMk/>
          <pc:sldMk cId="3059241520" sldId="273"/>
        </pc:sldMkLst>
        <pc:spChg chg="del">
          <ac:chgData name="Jonas Bratseth" userId="7880613d-1198-4bca-afa6-2725a9958330" providerId="ADAL" clId="{FF08786F-35DD-4FA5-91F3-FF8315EFC03A}" dt="2021-04-14T06:56:43.399" v="871" actId="931"/>
          <ac:spMkLst>
            <pc:docMk/>
            <pc:sldMk cId="3059241520" sldId="273"/>
            <ac:spMk id="2" creationId="{E7951C8B-745C-4EDA-B8EC-E577D1F4DABD}"/>
          </ac:spMkLst>
        </pc:spChg>
        <pc:spChg chg="add mod">
          <ac:chgData name="Jonas Bratseth" userId="7880613d-1198-4bca-afa6-2725a9958330" providerId="ADAL" clId="{FF08786F-35DD-4FA5-91F3-FF8315EFC03A}" dt="2021-04-14T06:56:45.080" v="872" actId="478"/>
          <ac:spMkLst>
            <pc:docMk/>
            <pc:sldMk cId="3059241520" sldId="273"/>
            <ac:spMk id="11" creationId="{53219EB9-5652-4C7B-86AD-59AF6CD44B18}"/>
          </ac:spMkLst>
        </pc:spChg>
        <pc:picChg chg="add del mod">
          <ac:chgData name="Jonas Bratseth" userId="7880613d-1198-4bca-afa6-2725a9958330" providerId="ADAL" clId="{FF08786F-35DD-4FA5-91F3-FF8315EFC03A}" dt="2021-04-14T06:56:45.080" v="872" actId="478"/>
          <ac:picMkLst>
            <pc:docMk/>
            <pc:sldMk cId="3059241520" sldId="273"/>
            <ac:picMk id="9" creationId="{03AA5624-6E25-43AE-B659-82BED279049B}"/>
          </ac:picMkLst>
        </pc:picChg>
      </pc:sldChg>
      <pc:sldChg chg="addSp delSp modSp new del mod">
        <pc:chgData name="Jonas Bratseth" userId="7880613d-1198-4bca-afa6-2725a9958330" providerId="ADAL" clId="{FF08786F-35DD-4FA5-91F3-FF8315EFC03A}" dt="2021-04-12T11:09:52.811" v="467" actId="47"/>
        <pc:sldMkLst>
          <pc:docMk/>
          <pc:sldMk cId="3201843001" sldId="273"/>
        </pc:sldMkLst>
        <pc:spChg chg="del">
          <ac:chgData name="Jonas Bratseth" userId="7880613d-1198-4bca-afa6-2725a9958330" providerId="ADAL" clId="{FF08786F-35DD-4FA5-91F3-FF8315EFC03A}" dt="2021-04-12T08:29:24.813" v="106" actId="931"/>
          <ac:spMkLst>
            <pc:docMk/>
            <pc:sldMk cId="3201843001" sldId="273"/>
            <ac:spMk id="2" creationId="{182C1D1E-BFB9-4375-9B54-8F530B7F380F}"/>
          </ac:spMkLst>
        </pc:spChg>
        <pc:spChg chg="mod">
          <ac:chgData name="Jonas Bratseth" userId="7880613d-1198-4bca-afa6-2725a9958330" providerId="ADAL" clId="{FF08786F-35DD-4FA5-91F3-FF8315EFC03A}" dt="2021-04-12T08:31:50.347" v="358" actId="14100"/>
          <ac:spMkLst>
            <pc:docMk/>
            <pc:sldMk cId="3201843001" sldId="273"/>
            <ac:spMk id="4" creationId="{B43B7ACA-6C51-4B2B-8828-7E597EA7686C}"/>
          </ac:spMkLst>
        </pc:spChg>
        <pc:picChg chg="add mod">
          <ac:chgData name="Jonas Bratseth" userId="7880613d-1198-4bca-afa6-2725a9958330" providerId="ADAL" clId="{FF08786F-35DD-4FA5-91F3-FF8315EFC03A}" dt="2021-04-12T08:29:24.813" v="106" actId="931"/>
          <ac:picMkLst>
            <pc:docMk/>
            <pc:sldMk cId="3201843001" sldId="273"/>
            <ac:picMk id="7" creationId="{1D6215DD-482E-4590-9AE2-D312585E4140}"/>
          </ac:picMkLst>
        </pc:picChg>
      </pc:sldChg>
      <pc:sldChg chg="addSp delSp new del mod">
        <pc:chgData name="Jonas Bratseth" userId="7880613d-1198-4bca-afa6-2725a9958330" providerId="ADAL" clId="{FF08786F-35DD-4FA5-91F3-FF8315EFC03A}" dt="2021-04-23T11:39:11.799" v="1046" actId="47"/>
        <pc:sldMkLst>
          <pc:docMk/>
          <pc:sldMk cId="4271462974" sldId="273"/>
        </pc:sldMkLst>
        <pc:spChg chg="add del">
          <ac:chgData name="Jonas Bratseth" userId="7880613d-1198-4bca-afa6-2725a9958330" providerId="ADAL" clId="{FF08786F-35DD-4FA5-91F3-FF8315EFC03A}" dt="2021-04-23T11:39:09.959" v="1045" actId="478"/>
          <ac:spMkLst>
            <pc:docMk/>
            <pc:sldMk cId="4271462974" sldId="273"/>
            <ac:spMk id="8" creationId="{95743946-D702-4AFF-8EED-DE0AF925F304}"/>
          </ac:spMkLst>
        </pc:spChg>
      </pc:sldChg>
      <pc:sldChg chg="addSp delSp modSp new del mod">
        <pc:chgData name="Jonas Bratseth" userId="7880613d-1198-4bca-afa6-2725a9958330" providerId="ADAL" clId="{FF08786F-35DD-4FA5-91F3-FF8315EFC03A}" dt="2021-04-12T08:30:43.915" v="355" actId="47"/>
        <pc:sldMkLst>
          <pc:docMk/>
          <pc:sldMk cId="1814728101" sldId="274"/>
        </pc:sldMkLst>
        <pc:spChg chg="del">
          <ac:chgData name="Jonas Bratseth" userId="7880613d-1198-4bca-afa6-2725a9958330" providerId="ADAL" clId="{FF08786F-35DD-4FA5-91F3-FF8315EFC03A}" dt="2021-04-12T08:29:21.905" v="105" actId="931"/>
          <ac:spMkLst>
            <pc:docMk/>
            <pc:sldMk cId="1814728101" sldId="274"/>
            <ac:spMk id="2" creationId="{56021F93-0EF0-4AA8-98EB-7457F160AA97}"/>
          </ac:spMkLst>
        </pc:spChg>
        <pc:spChg chg="mod">
          <ac:chgData name="Jonas Bratseth" userId="7880613d-1198-4bca-afa6-2725a9958330" providerId="ADAL" clId="{FF08786F-35DD-4FA5-91F3-FF8315EFC03A}" dt="2021-04-12T08:29:17.992" v="104" actId="20577"/>
          <ac:spMkLst>
            <pc:docMk/>
            <pc:sldMk cId="1814728101" sldId="274"/>
            <ac:spMk id="3" creationId="{E07E4405-CDE0-486E-9FAD-C39EEDC930B2}"/>
          </ac:spMkLst>
        </pc:spChg>
        <pc:picChg chg="add mod">
          <ac:chgData name="Jonas Bratseth" userId="7880613d-1198-4bca-afa6-2725a9958330" providerId="ADAL" clId="{FF08786F-35DD-4FA5-91F3-FF8315EFC03A}" dt="2021-04-12T08:29:21.905" v="105" actId="931"/>
          <ac:picMkLst>
            <pc:docMk/>
            <pc:sldMk cId="1814728101" sldId="274"/>
            <ac:picMk id="7" creationId="{10F3F7B5-8465-4290-B5BF-2CCF7AC63D6C}"/>
          </ac:picMkLst>
        </pc:picChg>
      </pc:sldChg>
      <pc:sldChg chg="new del">
        <pc:chgData name="Jonas Bratseth" userId="7880613d-1198-4bca-afa6-2725a9958330" providerId="ADAL" clId="{FF08786F-35DD-4FA5-91F3-FF8315EFC03A}" dt="2021-04-14T06:57:01.722" v="876" actId="47"/>
        <pc:sldMkLst>
          <pc:docMk/>
          <pc:sldMk cId="2912106332" sldId="274"/>
        </pc:sldMkLst>
      </pc:sldChg>
      <pc:sldChg chg="addSp delSp modSp new del mod">
        <pc:chgData name="Jonas Bratseth" userId="7880613d-1198-4bca-afa6-2725a9958330" providerId="ADAL" clId="{FF08786F-35DD-4FA5-91F3-FF8315EFC03A}" dt="2021-04-12T08:30:43.105" v="354" actId="47"/>
        <pc:sldMkLst>
          <pc:docMk/>
          <pc:sldMk cId="423369814" sldId="275"/>
        </pc:sldMkLst>
        <pc:spChg chg="del">
          <ac:chgData name="Jonas Bratseth" userId="7880613d-1198-4bca-afa6-2725a9958330" providerId="ADAL" clId="{FF08786F-35DD-4FA5-91F3-FF8315EFC03A}" dt="2021-04-12T08:29:42.208" v="185" actId="931"/>
          <ac:spMkLst>
            <pc:docMk/>
            <pc:sldMk cId="423369814" sldId="275"/>
            <ac:spMk id="2" creationId="{1C001110-8AB8-457B-A434-3D09AC895E63}"/>
          </ac:spMkLst>
        </pc:spChg>
        <pc:spChg chg="mod">
          <ac:chgData name="Jonas Bratseth" userId="7880613d-1198-4bca-afa6-2725a9958330" providerId="ADAL" clId="{FF08786F-35DD-4FA5-91F3-FF8315EFC03A}" dt="2021-04-12T08:29:43.881" v="201" actId="20577"/>
          <ac:spMkLst>
            <pc:docMk/>
            <pc:sldMk cId="423369814" sldId="275"/>
            <ac:spMk id="6" creationId="{A1D1080F-AA4E-4721-AA18-7EAA4CE8F9CC}"/>
          </ac:spMkLst>
        </pc:spChg>
        <pc:picChg chg="add mod">
          <ac:chgData name="Jonas Bratseth" userId="7880613d-1198-4bca-afa6-2725a9958330" providerId="ADAL" clId="{FF08786F-35DD-4FA5-91F3-FF8315EFC03A}" dt="2021-04-12T08:29:42.208" v="185" actId="931"/>
          <ac:picMkLst>
            <pc:docMk/>
            <pc:sldMk cId="423369814" sldId="275"/>
            <ac:picMk id="9" creationId="{3ACBF510-ACD2-44D6-9989-76679F1F5073}"/>
          </ac:picMkLst>
        </pc:picChg>
      </pc:sldChg>
      <pc:sldChg chg="new del">
        <pc:chgData name="Jonas Bratseth" userId="7880613d-1198-4bca-afa6-2725a9958330" providerId="ADAL" clId="{FF08786F-35DD-4FA5-91F3-FF8315EFC03A}" dt="2021-04-14T06:57:01.019" v="875" actId="47"/>
        <pc:sldMkLst>
          <pc:docMk/>
          <pc:sldMk cId="3460984700" sldId="275"/>
        </pc:sldMkLst>
      </pc:sldChg>
      <pc:sldChg chg="addSp delSp modSp new del mod">
        <pc:chgData name="Jonas Bratseth" userId="7880613d-1198-4bca-afa6-2725a9958330" providerId="ADAL" clId="{FF08786F-35DD-4FA5-91F3-FF8315EFC03A}" dt="2021-04-12T08:30:42.260" v="353" actId="47"/>
        <pc:sldMkLst>
          <pc:docMk/>
          <pc:sldMk cId="74724968" sldId="276"/>
        </pc:sldMkLst>
        <pc:spChg chg="del">
          <ac:chgData name="Jonas Bratseth" userId="7880613d-1198-4bca-afa6-2725a9958330" providerId="ADAL" clId="{FF08786F-35DD-4FA5-91F3-FF8315EFC03A}" dt="2021-04-12T08:30:10.385" v="203" actId="931"/>
          <ac:spMkLst>
            <pc:docMk/>
            <pc:sldMk cId="74724968" sldId="276"/>
            <ac:spMk id="2" creationId="{EEF08B86-4DBB-40B0-884A-6863B07F1797}"/>
          </ac:spMkLst>
        </pc:spChg>
        <pc:spChg chg="mod">
          <ac:chgData name="Jonas Bratseth" userId="7880613d-1198-4bca-afa6-2725a9958330" providerId="ADAL" clId="{FF08786F-35DD-4FA5-91F3-FF8315EFC03A}" dt="2021-04-12T08:30:13.193" v="274" actId="20577"/>
          <ac:spMkLst>
            <pc:docMk/>
            <pc:sldMk cId="74724968" sldId="276"/>
            <ac:spMk id="3" creationId="{09FCC070-A53B-4B33-81A4-4DC8028F7F57}"/>
          </ac:spMkLst>
        </pc:spChg>
        <pc:picChg chg="add mod">
          <ac:chgData name="Jonas Bratseth" userId="7880613d-1198-4bca-afa6-2725a9958330" providerId="ADAL" clId="{FF08786F-35DD-4FA5-91F3-FF8315EFC03A}" dt="2021-04-12T08:30:10.385" v="203" actId="931"/>
          <ac:picMkLst>
            <pc:docMk/>
            <pc:sldMk cId="74724968" sldId="276"/>
            <ac:picMk id="7" creationId="{77305114-B622-42B3-B4F9-468FD3E4BBED}"/>
          </ac:picMkLst>
        </pc:picChg>
      </pc:sldChg>
      <pc:sldChg chg="addSp delSp modSp new del mod">
        <pc:chgData name="Jonas Bratseth" userId="7880613d-1198-4bca-afa6-2725a9958330" providerId="ADAL" clId="{FF08786F-35DD-4FA5-91F3-FF8315EFC03A}" dt="2021-04-12T08:30:42.248" v="352" actId="47"/>
        <pc:sldMkLst>
          <pc:docMk/>
          <pc:sldMk cId="1915441149" sldId="277"/>
        </pc:sldMkLst>
        <pc:spChg chg="del">
          <ac:chgData name="Jonas Bratseth" userId="7880613d-1198-4bca-afa6-2725a9958330" providerId="ADAL" clId="{FF08786F-35DD-4FA5-91F3-FF8315EFC03A}" dt="2021-04-12T08:30:33.270" v="276" actId="931"/>
          <ac:spMkLst>
            <pc:docMk/>
            <pc:sldMk cId="1915441149" sldId="277"/>
            <ac:spMk id="2" creationId="{EBE2C347-71D9-435A-B87D-0B5F1D404D70}"/>
          </ac:spMkLst>
        </pc:spChg>
        <pc:spChg chg="mod">
          <ac:chgData name="Jonas Bratseth" userId="7880613d-1198-4bca-afa6-2725a9958330" providerId="ADAL" clId="{FF08786F-35DD-4FA5-91F3-FF8315EFC03A}" dt="2021-04-12T08:30:37.804" v="351" actId="20577"/>
          <ac:spMkLst>
            <pc:docMk/>
            <pc:sldMk cId="1915441149" sldId="277"/>
            <ac:spMk id="3" creationId="{DB0D8D2F-EDB6-4E17-BA41-CF1D4932E17D}"/>
          </ac:spMkLst>
        </pc:spChg>
        <pc:picChg chg="add mod">
          <ac:chgData name="Jonas Bratseth" userId="7880613d-1198-4bca-afa6-2725a9958330" providerId="ADAL" clId="{FF08786F-35DD-4FA5-91F3-FF8315EFC03A}" dt="2021-04-12T08:30:35.770" v="312" actId="27614"/>
          <ac:picMkLst>
            <pc:docMk/>
            <pc:sldMk cId="1915441149" sldId="277"/>
            <ac:picMk id="7" creationId="{2944E3D2-B0C8-4B0A-95D8-190F526A6B0E}"/>
          </ac:picMkLst>
        </pc:picChg>
      </pc:sldChg>
      <pc:sldMasterChg chg="addSldLayout modSldLayout">
        <pc:chgData name="Jonas Bratseth" userId="7880613d-1198-4bca-afa6-2725a9958330" providerId="ADAL" clId="{FF08786F-35DD-4FA5-91F3-FF8315EFC03A}" dt="2021-04-14T06:22:02.742" v="847"/>
        <pc:sldMasterMkLst>
          <pc:docMk/>
          <pc:sldMasterMk cId="750743933" sldId="2147483648"/>
        </pc:sldMasterMkLst>
        <pc:sldLayoutChg chg="addSp delSp modSp mod">
          <pc:chgData name="Jonas Bratseth" userId="7880613d-1198-4bca-afa6-2725a9958330" providerId="ADAL" clId="{FF08786F-35DD-4FA5-91F3-FF8315EFC03A}" dt="2021-04-12T11:25:21.983" v="638"/>
          <pc:sldLayoutMkLst>
            <pc:docMk/>
            <pc:sldMasterMk cId="750743933" sldId="2147483648"/>
            <pc:sldLayoutMk cId="2347992648" sldId="2147483649"/>
          </pc:sldLayoutMkLst>
          <pc:spChg chg="add del mod">
            <ac:chgData name="Jonas Bratseth" userId="7880613d-1198-4bca-afa6-2725a9958330" providerId="ADAL" clId="{FF08786F-35DD-4FA5-91F3-FF8315EFC03A}" dt="2021-04-12T11:25:21.274" v="637" actId="478"/>
            <ac:spMkLst>
              <pc:docMk/>
              <pc:sldMasterMk cId="750743933" sldId="2147483648"/>
              <pc:sldLayoutMk cId="2347992648" sldId="2147483649"/>
              <ac:spMk id="8" creationId="{17B9BB85-2CAC-4FFA-A479-348BEA5819D0}"/>
            </ac:spMkLst>
          </pc:spChg>
          <pc:spChg chg="add mod">
            <ac:chgData name="Jonas Bratseth" userId="7880613d-1198-4bca-afa6-2725a9958330" providerId="ADAL" clId="{FF08786F-35DD-4FA5-91F3-FF8315EFC03A}" dt="2021-04-12T11:25:21.983" v="638"/>
            <ac:spMkLst>
              <pc:docMk/>
              <pc:sldMasterMk cId="750743933" sldId="2147483648"/>
              <pc:sldLayoutMk cId="2347992648" sldId="2147483649"/>
              <ac:spMk id="9" creationId="{47C6278C-3D38-4D4F-9845-8E9C33C1726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24:53.800" v="624"/>
          <pc:sldLayoutMkLst>
            <pc:docMk/>
            <pc:sldMasterMk cId="750743933" sldId="2147483648"/>
            <pc:sldLayoutMk cId="477069560" sldId="2147483650"/>
          </pc:sldLayoutMkLst>
          <pc:spChg chg="add del mod">
            <ac:chgData name="Jonas Bratseth" userId="7880613d-1198-4bca-afa6-2725a9958330" providerId="ADAL" clId="{FF08786F-35DD-4FA5-91F3-FF8315EFC03A}" dt="2021-04-12T11:22:38.147" v="572" actId="478"/>
            <ac:spMkLst>
              <pc:docMk/>
              <pc:sldMasterMk cId="750743933" sldId="2147483648"/>
              <pc:sldLayoutMk cId="477069560" sldId="2147483650"/>
              <ac:spMk id="5" creationId="{1E663887-BD14-433E-B456-E876B89A6BE0}"/>
            </ac:spMkLst>
          </pc:spChg>
          <pc:spChg chg="add del mod">
            <ac:chgData name="Jonas Bratseth" userId="7880613d-1198-4bca-afa6-2725a9958330" providerId="ADAL" clId="{FF08786F-35DD-4FA5-91F3-FF8315EFC03A}" dt="2021-04-12T11:23:59.928" v="601" actId="478"/>
            <ac:spMkLst>
              <pc:docMk/>
              <pc:sldMasterMk cId="750743933" sldId="2147483648"/>
              <pc:sldLayoutMk cId="477069560" sldId="2147483650"/>
              <ac:spMk id="8" creationId="{01D2B7C3-F948-43C9-8B51-609F46203552}"/>
            </ac:spMkLst>
          </pc:spChg>
          <pc:spChg chg="add del mod">
            <ac:chgData name="Jonas Bratseth" userId="7880613d-1198-4bca-afa6-2725a9958330" providerId="ADAL" clId="{FF08786F-35DD-4FA5-91F3-FF8315EFC03A}" dt="2021-04-12T11:24:52.839" v="623" actId="478"/>
            <ac:spMkLst>
              <pc:docMk/>
              <pc:sldMasterMk cId="750743933" sldId="2147483648"/>
              <pc:sldLayoutMk cId="477069560" sldId="2147483650"/>
              <ac:spMk id="10" creationId="{A651C03C-DF35-49D5-A730-FFE798680F75}"/>
            </ac:spMkLst>
          </pc:spChg>
          <pc:spChg chg="add mod">
            <ac:chgData name="Jonas Bratseth" userId="7880613d-1198-4bca-afa6-2725a9958330" providerId="ADAL" clId="{FF08786F-35DD-4FA5-91F3-FF8315EFC03A}" dt="2021-04-12T11:24:53.800" v="624"/>
            <ac:spMkLst>
              <pc:docMk/>
              <pc:sldMasterMk cId="750743933" sldId="2147483648"/>
              <pc:sldLayoutMk cId="477069560" sldId="2147483650"/>
              <ac:spMk id="11" creationId="{5C7DF1C5-A62B-48F2-8482-9AFA5987E96B}"/>
            </ac:spMkLst>
          </pc:spChg>
          <pc:cxnChg chg="add del">
            <ac:chgData name="Jonas Bratseth" userId="7880613d-1198-4bca-afa6-2725a9958330" providerId="ADAL" clId="{FF08786F-35DD-4FA5-91F3-FF8315EFC03A}" dt="2021-04-12T11:22:31.617" v="571" actId="478"/>
            <ac:cxnSpMkLst>
              <pc:docMk/>
              <pc:sldMasterMk cId="750743933" sldId="2147483648"/>
              <pc:sldLayoutMk cId="477069560" sldId="2147483650"/>
              <ac:cxnSpMk id="6" creationId="{E623624D-2D8F-49B4-B7FA-8E916F137A84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12T11:25:16.627" v="636" actId="207"/>
          <pc:sldLayoutMkLst>
            <pc:docMk/>
            <pc:sldMasterMk cId="750743933" sldId="2147483648"/>
            <pc:sldLayoutMk cId="2339586804" sldId="2147483660"/>
          </pc:sldLayoutMkLst>
          <pc:spChg chg="add del">
            <ac:chgData name="Jonas Bratseth" userId="7880613d-1198-4bca-afa6-2725a9958330" providerId="ADAL" clId="{FF08786F-35DD-4FA5-91F3-FF8315EFC03A}" dt="2021-04-12T11:11:25.204" v="489" actId="478"/>
            <ac:spMkLst>
              <pc:docMk/>
              <pc:sldMasterMk cId="750743933" sldId="2147483648"/>
              <pc:sldLayoutMk cId="2339586804" sldId="2147483660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FF08786F-35DD-4FA5-91F3-FF8315EFC03A}" dt="2021-04-12T11:25:13.947" v="635"/>
            <ac:spMkLst>
              <pc:docMk/>
              <pc:sldMasterMk cId="750743933" sldId="2147483648"/>
              <pc:sldLayoutMk cId="2339586804" sldId="2147483660"/>
              <ac:spMk id="5" creationId="{8EDAF1BB-D4DD-4390-8C59-BBD2D2C67E20}"/>
            </ac:spMkLst>
          </pc:spChg>
          <pc:spChg chg="ord">
            <ac:chgData name="Jonas Bratseth" userId="7880613d-1198-4bca-afa6-2725a9958330" providerId="ADAL" clId="{FF08786F-35DD-4FA5-91F3-FF8315EFC03A}" dt="2021-04-12T11:11:39.991" v="495" actId="167"/>
            <ac:spMkLst>
              <pc:docMk/>
              <pc:sldMasterMk cId="750743933" sldId="2147483648"/>
              <pc:sldLayoutMk cId="2339586804" sldId="2147483660"/>
              <ac:spMk id="7" creationId="{2CB31F07-7988-4E6E-9EB1-1E331F9F3747}"/>
            </ac:spMkLst>
          </pc:spChg>
          <pc:spChg chg="add del mod">
            <ac:chgData name="Jonas Bratseth" userId="7880613d-1198-4bca-afa6-2725a9958330" providerId="ADAL" clId="{FF08786F-35DD-4FA5-91F3-FF8315EFC03A}" dt="2021-04-12T11:25:10.538" v="632" actId="478"/>
            <ac:spMkLst>
              <pc:docMk/>
              <pc:sldMasterMk cId="750743933" sldId="2147483648"/>
              <pc:sldLayoutMk cId="2339586804" sldId="2147483660"/>
              <ac:spMk id="8" creationId="{C387DD82-EE8F-4085-9B5A-A75581B5EEE3}"/>
            </ac:spMkLst>
          </pc:spChg>
          <pc:spChg chg="add del mod">
            <ac:chgData name="Jonas Bratseth" userId="7880613d-1198-4bca-afa6-2725a9958330" providerId="ADAL" clId="{FF08786F-35DD-4FA5-91F3-FF8315EFC03A}" dt="2021-04-12T11:10:33.881" v="472"/>
            <ac:spMkLst>
              <pc:docMk/>
              <pc:sldMasterMk cId="750743933" sldId="2147483648"/>
              <pc:sldLayoutMk cId="2339586804" sldId="2147483660"/>
              <ac:spMk id="8" creationId="{D96BF09F-7216-427F-AA11-ED3F008A9F0B}"/>
            </ac:spMkLst>
          </pc:spChg>
          <pc:spChg chg="add del mod">
            <ac:chgData name="Jonas Bratseth" userId="7880613d-1198-4bca-afa6-2725a9958330" providerId="ADAL" clId="{FF08786F-35DD-4FA5-91F3-FF8315EFC03A}" dt="2021-04-12T11:10:33.881" v="472"/>
            <ac:spMkLst>
              <pc:docMk/>
              <pc:sldMasterMk cId="750743933" sldId="2147483648"/>
              <pc:sldLayoutMk cId="2339586804" sldId="2147483660"/>
              <ac:spMk id="9" creationId="{55DB3874-481A-49E1-8D9D-F323D4ABA9D3}"/>
            </ac:spMkLst>
          </pc:spChg>
          <pc:spChg chg="add mod">
            <ac:chgData name="Jonas Bratseth" userId="7880613d-1198-4bca-afa6-2725a9958330" providerId="ADAL" clId="{FF08786F-35DD-4FA5-91F3-FF8315EFC03A}" dt="2021-04-12T11:25:16.627" v="636" actId="207"/>
            <ac:spMkLst>
              <pc:docMk/>
              <pc:sldMasterMk cId="750743933" sldId="2147483648"/>
              <pc:sldLayoutMk cId="2339586804" sldId="2147483660"/>
              <ac:spMk id="9" creationId="{6BA452CE-6521-4710-BBBF-4AE21A3DDEF5}"/>
            </ac:spMkLst>
          </pc:spChg>
          <pc:spChg chg="add del mod">
            <ac:chgData name="Jonas Bratseth" userId="7880613d-1198-4bca-afa6-2725a9958330" providerId="ADAL" clId="{FF08786F-35DD-4FA5-91F3-FF8315EFC03A}" dt="2021-04-12T11:10:42.300" v="475"/>
            <ac:spMkLst>
              <pc:docMk/>
              <pc:sldMasterMk cId="750743933" sldId="2147483648"/>
              <pc:sldLayoutMk cId="2339586804" sldId="2147483660"/>
              <ac:spMk id="10" creationId="{D9BAEC1D-9966-459D-9AFD-C16A085132B3}"/>
            </ac:spMkLst>
          </pc:spChg>
          <pc:spChg chg="add del mod">
            <ac:chgData name="Jonas Bratseth" userId="7880613d-1198-4bca-afa6-2725a9958330" providerId="ADAL" clId="{FF08786F-35DD-4FA5-91F3-FF8315EFC03A}" dt="2021-04-12T11:10:42.300" v="475"/>
            <ac:spMkLst>
              <pc:docMk/>
              <pc:sldMasterMk cId="750743933" sldId="2147483648"/>
              <pc:sldLayoutMk cId="2339586804" sldId="2147483660"/>
              <ac:spMk id="11" creationId="{896487B1-CD7A-458C-8F2B-69DEE10991EC}"/>
            </ac:spMkLst>
          </pc:spChg>
          <pc:spChg chg="add del mod">
            <ac:chgData name="Jonas Bratseth" userId="7880613d-1198-4bca-afa6-2725a9958330" providerId="ADAL" clId="{FF08786F-35DD-4FA5-91F3-FF8315EFC03A}" dt="2021-04-12T11:11:00.663" v="481"/>
            <ac:spMkLst>
              <pc:docMk/>
              <pc:sldMasterMk cId="750743933" sldId="2147483648"/>
              <pc:sldLayoutMk cId="2339586804" sldId="2147483660"/>
              <ac:spMk id="13" creationId="{A232EF69-4481-459B-B50D-49F82BB6A626}"/>
            </ac:spMkLst>
          </pc:spChg>
          <pc:spChg chg="add del mod">
            <ac:chgData name="Jonas Bratseth" userId="7880613d-1198-4bca-afa6-2725a9958330" providerId="ADAL" clId="{FF08786F-35DD-4FA5-91F3-FF8315EFC03A}" dt="2021-04-12T11:11:00.663" v="481"/>
            <ac:spMkLst>
              <pc:docMk/>
              <pc:sldMasterMk cId="750743933" sldId="2147483648"/>
              <pc:sldLayoutMk cId="2339586804" sldId="2147483660"/>
              <ac:spMk id="14" creationId="{BD827467-CF1B-45AE-A27B-43E911E1C106}"/>
            </ac:spMkLst>
          </pc:spChg>
          <pc:spChg chg="add del mod">
            <ac:chgData name="Jonas Bratseth" userId="7880613d-1198-4bca-afa6-2725a9958330" providerId="ADAL" clId="{FF08786F-35DD-4FA5-91F3-FF8315EFC03A}" dt="2021-04-12T11:11:02.292" v="483"/>
            <ac:spMkLst>
              <pc:docMk/>
              <pc:sldMasterMk cId="750743933" sldId="2147483648"/>
              <pc:sldLayoutMk cId="2339586804" sldId="2147483660"/>
              <ac:spMk id="15" creationId="{E4468D1E-9D6E-49D1-B001-3800D0EE96E7}"/>
            </ac:spMkLst>
          </pc:spChg>
          <pc:spChg chg="add del mod">
            <ac:chgData name="Jonas Bratseth" userId="7880613d-1198-4bca-afa6-2725a9958330" providerId="ADAL" clId="{FF08786F-35DD-4FA5-91F3-FF8315EFC03A}" dt="2021-04-12T11:11:02.292" v="483"/>
            <ac:spMkLst>
              <pc:docMk/>
              <pc:sldMasterMk cId="750743933" sldId="2147483648"/>
              <pc:sldLayoutMk cId="2339586804" sldId="2147483660"/>
              <ac:spMk id="16" creationId="{646CAA1C-E9A3-4968-AB26-12A16C764CFB}"/>
            </ac:spMkLst>
          </pc:spChg>
          <pc:spChg chg="add mod ord">
            <ac:chgData name="Jonas Bratseth" userId="7880613d-1198-4bca-afa6-2725a9958330" providerId="ADAL" clId="{FF08786F-35DD-4FA5-91F3-FF8315EFC03A}" dt="2021-04-12T11:11:38.631" v="494" actId="167"/>
            <ac:spMkLst>
              <pc:docMk/>
              <pc:sldMasterMk cId="750743933" sldId="2147483648"/>
              <pc:sldLayoutMk cId="2339586804" sldId="2147483660"/>
              <ac:spMk id="21" creationId="{97978271-5187-4431-9708-C927DF0F7F6D}"/>
            </ac:spMkLst>
          </pc:spChg>
          <pc:spChg chg="add mod">
            <ac:chgData name="Jonas Bratseth" userId="7880613d-1198-4bca-afa6-2725a9958330" providerId="ADAL" clId="{FF08786F-35DD-4FA5-91F3-FF8315EFC03A}" dt="2021-04-12T11:11:54.934" v="507" actId="14100"/>
            <ac:spMkLst>
              <pc:docMk/>
              <pc:sldMasterMk cId="750743933" sldId="2147483648"/>
              <pc:sldLayoutMk cId="2339586804" sldId="2147483660"/>
              <ac:spMk id="22" creationId="{45768DF2-6EBF-48BC-A321-F4FD52853E7F}"/>
            </ac:spMkLst>
          </pc:spChg>
          <pc:cxnChg chg="add del mod">
            <ac:chgData name="Jonas Bratseth" userId="7880613d-1198-4bca-afa6-2725a9958330" providerId="ADAL" clId="{FF08786F-35DD-4FA5-91F3-FF8315EFC03A}" dt="2021-04-12T11:11:53.977" v="504" actId="478"/>
            <ac:cxnSpMkLst>
              <pc:docMk/>
              <pc:sldMasterMk cId="750743933" sldId="2147483648"/>
              <pc:sldLayoutMk cId="2339586804" sldId="2147483660"/>
              <ac:cxnSpMk id="6" creationId="{86D161EE-87AD-467A-A6BE-4705A678C619}"/>
            </ac:cxnSpMkLst>
          </pc:cxnChg>
          <pc:cxnChg chg="add del">
            <ac:chgData name="Jonas Bratseth" userId="7880613d-1198-4bca-afa6-2725a9958330" providerId="ADAL" clId="{FF08786F-35DD-4FA5-91F3-FF8315EFC03A}" dt="2021-04-12T11:11:54.521" v="506" actId="478"/>
            <ac:cxnSpMkLst>
              <pc:docMk/>
              <pc:sldMasterMk cId="750743933" sldId="2147483648"/>
              <pc:sldLayoutMk cId="2339586804" sldId="2147483660"/>
              <ac:cxnSpMk id="17" creationId="{36B18ABA-57FE-4861-B038-D65FD0137AFE}"/>
            </ac:cxnSpMkLst>
          </pc:cxnChg>
          <pc:cxnChg chg="add del mod">
            <ac:chgData name="Jonas Bratseth" userId="7880613d-1198-4bca-afa6-2725a9958330" providerId="ADAL" clId="{FF08786F-35DD-4FA5-91F3-FF8315EFC03A}" dt="2021-04-12T11:11:54.191" v="505" actId="478"/>
            <ac:cxnSpMkLst>
              <pc:docMk/>
              <pc:sldMasterMk cId="750743933" sldId="2147483648"/>
              <pc:sldLayoutMk cId="2339586804" sldId="2147483660"/>
              <ac:cxnSpMk id="19" creationId="{72469A28-F7D2-4F77-8085-5E627E3638A4}"/>
            </ac:cxnSpMkLst>
          </pc:cxnChg>
          <pc:cxnChg chg="add del mod">
            <ac:chgData name="Jonas Bratseth" userId="7880613d-1198-4bca-afa6-2725a9958330" providerId="ADAL" clId="{FF08786F-35DD-4FA5-91F3-FF8315EFC03A}" dt="2021-04-12T11:11:27.096" v="491"/>
            <ac:cxnSpMkLst>
              <pc:docMk/>
              <pc:sldMasterMk cId="750743933" sldId="2147483648"/>
              <pc:sldLayoutMk cId="2339586804" sldId="2147483660"/>
              <ac:cxnSpMk id="20" creationId="{46A8BBD7-46CF-4A95-83A6-DE11E3669385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12T11:45:44.278" v="732" actId="478"/>
          <pc:sldLayoutMkLst>
            <pc:docMk/>
            <pc:sldMasterMk cId="750743933" sldId="2147483648"/>
            <pc:sldLayoutMk cId="4221861873" sldId="2147483661"/>
          </pc:sldLayoutMkLst>
          <pc:spChg chg="del">
            <ac:chgData name="Jonas Bratseth" userId="7880613d-1198-4bca-afa6-2725a9958330" providerId="ADAL" clId="{FF08786F-35DD-4FA5-91F3-FF8315EFC03A}" dt="2021-04-12T11:45:44.278" v="732" actId="478"/>
            <ac:spMkLst>
              <pc:docMk/>
              <pc:sldMasterMk cId="750743933" sldId="2147483648"/>
              <pc:sldLayoutMk cId="4221861873" sldId="2147483661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57.848" v="599" actId="478"/>
            <ac:spMkLst>
              <pc:docMk/>
              <pc:sldMasterMk cId="750743933" sldId="2147483648"/>
              <pc:sldLayoutMk cId="4221861873" sldId="2147483661"/>
              <ac:spMk id="6" creationId="{0A3AC7E7-8A8F-4092-BEAB-36D5B90139D5}"/>
            </ac:spMkLst>
          </pc:spChg>
          <pc:spChg chg="add del mod">
            <ac:chgData name="Jonas Bratseth" userId="7880613d-1198-4bca-afa6-2725a9958330" providerId="ADAL" clId="{FF08786F-35DD-4FA5-91F3-FF8315EFC03A}" dt="2021-04-12T11:24:50.067" v="621" actId="478"/>
            <ac:spMkLst>
              <pc:docMk/>
              <pc:sldMasterMk cId="750743933" sldId="2147483648"/>
              <pc:sldLayoutMk cId="4221861873" sldId="2147483661"/>
              <ac:spMk id="7" creationId="{0DEDBE4E-D075-4536-9D4B-4E46C385B882}"/>
            </ac:spMkLst>
          </pc:spChg>
          <pc:spChg chg="add mod">
            <ac:chgData name="Jonas Bratseth" userId="7880613d-1198-4bca-afa6-2725a9958330" providerId="ADAL" clId="{FF08786F-35DD-4FA5-91F3-FF8315EFC03A}" dt="2021-04-12T11:24:50.814" v="622"/>
            <ac:spMkLst>
              <pc:docMk/>
              <pc:sldMasterMk cId="750743933" sldId="2147483648"/>
              <pc:sldLayoutMk cId="4221861873" sldId="2147483661"/>
              <ac:spMk id="8" creationId="{55B705F1-BD8F-4927-980D-9E3C23775A55}"/>
            </ac:spMkLst>
          </pc:spChg>
        </pc:sldLayoutChg>
        <pc:sldLayoutChg chg="delSp modSp mod">
          <pc:chgData name="Jonas Bratseth" userId="7880613d-1198-4bca-afa6-2725a9958330" providerId="ADAL" clId="{FF08786F-35DD-4FA5-91F3-FF8315EFC03A}" dt="2021-04-12T11:24:56.766" v="626" actId="478"/>
          <pc:sldLayoutMkLst>
            <pc:docMk/>
            <pc:sldMasterMk cId="750743933" sldId="2147483648"/>
            <pc:sldLayoutMk cId="4145436888" sldId="2147483670"/>
          </pc:sldLayoutMkLst>
          <pc:spChg chg="del mod">
            <ac:chgData name="Jonas Bratseth" userId="7880613d-1198-4bca-afa6-2725a9958330" providerId="ADAL" clId="{FF08786F-35DD-4FA5-91F3-FF8315EFC03A}" dt="2021-04-12T11:24:56.766" v="626" actId="478"/>
            <ac:spMkLst>
              <pc:docMk/>
              <pc:sldMasterMk cId="750743933" sldId="2147483648"/>
              <pc:sldLayoutMk cId="4145436888" sldId="2147483670"/>
              <ac:spMk id="5" creationId="{04904180-C847-4FC0-9759-1956EECC4080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25:05.720" v="631"/>
          <pc:sldLayoutMkLst>
            <pc:docMk/>
            <pc:sldMasterMk cId="750743933" sldId="2147483648"/>
            <pc:sldLayoutMk cId="3191163200" sldId="2147483688"/>
          </pc:sldLayoutMkLst>
          <pc:spChg chg="mod">
            <ac:chgData name="Jonas Bratseth" userId="7880613d-1198-4bca-afa6-2725a9958330" providerId="ADAL" clId="{FF08786F-35DD-4FA5-91F3-FF8315EFC03A}" dt="2021-04-12T11:25:05.720" v="631"/>
            <ac:spMkLst>
              <pc:docMk/>
              <pc:sldMasterMk cId="750743933" sldId="2147483648"/>
              <pc:sldLayoutMk cId="3191163200" sldId="2147483688"/>
              <ac:spMk id="5" creationId="{8EDAF1BB-D4DD-4390-8C59-BBD2D2C67E20}"/>
            </ac:spMkLst>
          </pc:spChg>
          <pc:spChg chg="add del mod">
            <ac:chgData name="Jonas Bratseth" userId="7880613d-1198-4bca-afa6-2725a9958330" providerId="ADAL" clId="{FF08786F-35DD-4FA5-91F3-FF8315EFC03A}" dt="2021-04-12T11:25:00.512" v="627" actId="478"/>
            <ac:spMkLst>
              <pc:docMk/>
              <pc:sldMasterMk cId="750743933" sldId="2147483648"/>
              <pc:sldLayoutMk cId="3191163200" sldId="2147483688"/>
              <ac:spMk id="7" creationId="{1DE05AFB-C89C-4C32-B6CA-5AE48E30FD16}"/>
            </ac:spMkLst>
          </pc:spChg>
          <pc:spChg chg="add mod">
            <ac:chgData name="Jonas Bratseth" userId="7880613d-1198-4bca-afa6-2725a9958330" providerId="ADAL" clId="{FF08786F-35DD-4FA5-91F3-FF8315EFC03A}" dt="2021-04-12T11:25:03.384" v="629" actId="207"/>
            <ac:spMkLst>
              <pc:docMk/>
              <pc:sldMasterMk cId="750743933" sldId="2147483648"/>
              <pc:sldLayoutMk cId="3191163200" sldId="2147483688"/>
              <ac:spMk id="8" creationId="{83E9D99F-0012-4E73-A817-39C3B2316B8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5:50.591" v="736" actId="478"/>
          <pc:sldLayoutMkLst>
            <pc:docMk/>
            <pc:sldMasterMk cId="750743933" sldId="2147483648"/>
            <pc:sldLayoutMk cId="1761091794" sldId="2147483692"/>
          </pc:sldLayoutMkLst>
          <pc:spChg chg="del mod">
            <ac:chgData name="Jonas Bratseth" userId="7880613d-1198-4bca-afa6-2725a9958330" providerId="ADAL" clId="{FF08786F-35DD-4FA5-91F3-FF8315EFC03A}" dt="2021-04-12T11:45:50.591" v="736" actId="478"/>
            <ac:spMkLst>
              <pc:docMk/>
              <pc:sldMasterMk cId="750743933" sldId="2147483648"/>
              <pc:sldLayoutMk cId="1761091794" sldId="2147483692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53.488" v="595" actId="478"/>
            <ac:spMkLst>
              <pc:docMk/>
              <pc:sldMasterMk cId="750743933" sldId="2147483648"/>
              <pc:sldLayoutMk cId="1761091794" sldId="2147483692"/>
              <ac:spMk id="12" creationId="{A47A7B96-49EF-402B-9363-B6A447A27A61}"/>
            </ac:spMkLst>
          </pc:spChg>
          <pc:spChg chg="add del mod">
            <ac:chgData name="Jonas Bratseth" userId="7880613d-1198-4bca-afa6-2725a9958330" providerId="ADAL" clId="{FF08786F-35DD-4FA5-91F3-FF8315EFC03A}" dt="2021-04-12T11:24:45.167" v="617" actId="478"/>
            <ac:spMkLst>
              <pc:docMk/>
              <pc:sldMasterMk cId="750743933" sldId="2147483648"/>
              <pc:sldLayoutMk cId="1761091794" sldId="2147483692"/>
              <ac:spMk id="14" creationId="{9FCFA33F-4D55-4772-84C2-26E266FC8F98}"/>
            </ac:spMkLst>
          </pc:spChg>
          <pc:spChg chg="add mod">
            <ac:chgData name="Jonas Bratseth" userId="7880613d-1198-4bca-afa6-2725a9958330" providerId="ADAL" clId="{FF08786F-35DD-4FA5-91F3-FF8315EFC03A}" dt="2021-04-12T11:24:45.835" v="618"/>
            <ac:spMkLst>
              <pc:docMk/>
              <pc:sldMasterMk cId="750743933" sldId="2147483648"/>
              <pc:sldLayoutMk cId="1761091794" sldId="2147483692"/>
              <ac:spMk id="15" creationId="{C4B1CCD6-DE24-4885-B377-F22C82601BE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6:01.526" v="743" actId="478"/>
          <pc:sldLayoutMkLst>
            <pc:docMk/>
            <pc:sldMasterMk cId="750743933" sldId="2147483648"/>
            <pc:sldLayoutMk cId="4019057681" sldId="2147483696"/>
          </pc:sldLayoutMkLst>
          <pc:spChg chg="add del mod">
            <ac:chgData name="Jonas Bratseth" userId="7880613d-1198-4bca-afa6-2725a9958330" providerId="ADAL" clId="{FF08786F-35DD-4FA5-91F3-FF8315EFC03A}" dt="2021-04-12T11:24:32.907" v="613" actId="478"/>
            <ac:spMkLst>
              <pc:docMk/>
              <pc:sldMasterMk cId="750743933" sldId="2147483648"/>
              <pc:sldLayoutMk cId="4019057681" sldId="2147483696"/>
              <ac:spMk id="4" creationId="{2DDA3B0C-66AB-485E-B162-2B258ABBAE4E}"/>
            </ac:spMkLst>
          </pc:spChg>
          <pc:spChg chg="del">
            <ac:chgData name="Jonas Bratseth" userId="7880613d-1198-4bca-afa6-2725a9958330" providerId="ADAL" clId="{FF08786F-35DD-4FA5-91F3-FF8315EFC03A}" dt="2021-04-12T11:46:01.526" v="743" actId="478"/>
            <ac:spMkLst>
              <pc:docMk/>
              <pc:sldMasterMk cId="750743933" sldId="2147483648"/>
              <pc:sldLayoutMk cId="4019057681" sldId="2147483696"/>
              <ac:spMk id="5" creationId="{04904180-C847-4FC0-9759-1956EECC4080}"/>
            </ac:spMkLst>
          </pc:spChg>
          <pc:spChg chg="add mod">
            <ac:chgData name="Jonas Bratseth" userId="7880613d-1198-4bca-afa6-2725a9958330" providerId="ADAL" clId="{FF08786F-35DD-4FA5-91F3-FF8315EFC03A}" dt="2021-04-12T11:24:36.683" v="614"/>
            <ac:spMkLst>
              <pc:docMk/>
              <pc:sldMasterMk cId="750743933" sldId="2147483648"/>
              <pc:sldLayoutMk cId="4019057681" sldId="2147483696"/>
              <ac:spMk id="6" creationId="{9819E40C-11F9-4CC9-A0F5-A28346A4DD6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5:54.755" v="739" actId="478"/>
          <pc:sldLayoutMkLst>
            <pc:docMk/>
            <pc:sldMasterMk cId="750743933" sldId="2147483648"/>
            <pc:sldLayoutMk cId="415886399" sldId="2147483697"/>
          </pc:sldLayoutMkLst>
          <pc:spChg chg="del">
            <ac:chgData name="Jonas Bratseth" userId="7880613d-1198-4bca-afa6-2725a9958330" providerId="ADAL" clId="{FF08786F-35DD-4FA5-91F3-FF8315EFC03A}" dt="2021-04-12T11:45:54.755" v="739" actId="478"/>
            <ac:spMkLst>
              <pc:docMk/>
              <pc:sldMasterMk cId="750743933" sldId="2147483648"/>
              <pc:sldLayoutMk cId="415886399" sldId="2147483697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37.741" v="589" actId="478"/>
            <ac:spMkLst>
              <pc:docMk/>
              <pc:sldMasterMk cId="750743933" sldId="2147483648"/>
              <pc:sldLayoutMk cId="415886399" sldId="2147483697"/>
              <ac:spMk id="9" creationId="{B293F86C-22E9-460B-A279-87C37CAF9212}"/>
            </ac:spMkLst>
          </pc:spChg>
          <pc:spChg chg="add del mod">
            <ac:chgData name="Jonas Bratseth" userId="7880613d-1198-4bca-afa6-2725a9958330" providerId="ADAL" clId="{FF08786F-35DD-4FA5-91F3-FF8315EFC03A}" dt="2021-04-12T11:24:21.373" v="607" actId="478"/>
            <ac:spMkLst>
              <pc:docMk/>
              <pc:sldMasterMk cId="750743933" sldId="2147483648"/>
              <pc:sldLayoutMk cId="415886399" sldId="2147483697"/>
              <ac:spMk id="13" creationId="{F57C364B-359C-42F6-93EE-66EBAF500D43}"/>
            </ac:spMkLst>
          </pc:spChg>
          <pc:spChg chg="add mod">
            <ac:chgData name="Jonas Bratseth" userId="7880613d-1198-4bca-afa6-2725a9958330" providerId="ADAL" clId="{FF08786F-35DD-4FA5-91F3-FF8315EFC03A}" dt="2021-04-12T11:24:22.338" v="608"/>
            <ac:spMkLst>
              <pc:docMk/>
              <pc:sldMasterMk cId="750743933" sldId="2147483648"/>
              <pc:sldLayoutMk cId="415886399" sldId="2147483697"/>
              <ac:spMk id="14" creationId="{1E09ED89-26A1-4FE1-A40F-EB42F632CDB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5:45.508" v="733" actId="478"/>
          <pc:sldLayoutMkLst>
            <pc:docMk/>
            <pc:sldMasterMk cId="750743933" sldId="2147483648"/>
            <pc:sldLayoutMk cId="4227365594" sldId="2147483704"/>
          </pc:sldLayoutMkLst>
          <pc:spChg chg="del">
            <ac:chgData name="Jonas Bratseth" userId="7880613d-1198-4bca-afa6-2725a9958330" providerId="ADAL" clId="{FF08786F-35DD-4FA5-91F3-FF8315EFC03A}" dt="2021-04-12T11:45:45.508" v="733" actId="478"/>
            <ac:spMkLst>
              <pc:docMk/>
              <pc:sldMasterMk cId="750743933" sldId="2147483648"/>
              <pc:sldLayoutMk cId="4227365594" sldId="2147483704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55.930" v="597" actId="478"/>
            <ac:spMkLst>
              <pc:docMk/>
              <pc:sldMasterMk cId="750743933" sldId="2147483648"/>
              <pc:sldLayoutMk cId="4227365594" sldId="2147483704"/>
              <ac:spMk id="8" creationId="{0F3C558C-6004-4C7E-97C4-EBD03E859F65}"/>
            </ac:spMkLst>
          </pc:spChg>
          <pc:spChg chg="add del mod">
            <ac:chgData name="Jonas Bratseth" userId="7880613d-1198-4bca-afa6-2725a9958330" providerId="ADAL" clId="{FF08786F-35DD-4FA5-91F3-FF8315EFC03A}" dt="2021-04-12T11:24:47.510" v="619" actId="478"/>
            <ac:spMkLst>
              <pc:docMk/>
              <pc:sldMasterMk cId="750743933" sldId="2147483648"/>
              <pc:sldLayoutMk cId="4227365594" sldId="2147483704"/>
              <ac:spMk id="10" creationId="{31D44BB3-06AB-4463-9C69-6CD57C5BFC5D}"/>
            </ac:spMkLst>
          </pc:spChg>
          <pc:spChg chg="add mod">
            <ac:chgData name="Jonas Bratseth" userId="7880613d-1198-4bca-afa6-2725a9958330" providerId="ADAL" clId="{FF08786F-35DD-4FA5-91F3-FF8315EFC03A}" dt="2021-04-12T11:24:48.569" v="620"/>
            <ac:spMkLst>
              <pc:docMk/>
              <pc:sldMasterMk cId="750743933" sldId="2147483648"/>
              <pc:sldLayoutMk cId="4227365594" sldId="2147483704"/>
              <ac:spMk id="11" creationId="{0E0D9193-69AD-43FB-9918-A2B29145892B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5:51.996" v="737" actId="478"/>
          <pc:sldLayoutMkLst>
            <pc:docMk/>
            <pc:sldMasterMk cId="750743933" sldId="2147483648"/>
            <pc:sldLayoutMk cId="3314286841" sldId="2147483705"/>
          </pc:sldLayoutMkLst>
          <pc:spChg chg="del">
            <ac:chgData name="Jonas Bratseth" userId="7880613d-1198-4bca-afa6-2725a9958330" providerId="ADAL" clId="{FF08786F-35DD-4FA5-91F3-FF8315EFC03A}" dt="2021-04-12T11:45:51.996" v="737" actId="478"/>
            <ac:spMkLst>
              <pc:docMk/>
              <pc:sldMasterMk cId="750743933" sldId="2147483648"/>
              <pc:sldLayoutMk cId="3314286841" sldId="2147483705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42.911" v="593" actId="478"/>
            <ac:spMkLst>
              <pc:docMk/>
              <pc:sldMasterMk cId="750743933" sldId="2147483648"/>
              <pc:sldLayoutMk cId="3314286841" sldId="2147483705"/>
              <ac:spMk id="15" creationId="{7040FD2A-35B1-4DD7-9A51-EAC1E53029B4}"/>
            </ac:spMkLst>
          </pc:spChg>
          <pc:spChg chg="add del mod">
            <ac:chgData name="Jonas Bratseth" userId="7880613d-1198-4bca-afa6-2725a9958330" providerId="ADAL" clId="{FF08786F-35DD-4FA5-91F3-FF8315EFC03A}" dt="2021-04-12T11:24:41.949" v="615" actId="478"/>
            <ac:spMkLst>
              <pc:docMk/>
              <pc:sldMasterMk cId="750743933" sldId="2147483648"/>
              <pc:sldLayoutMk cId="3314286841" sldId="2147483705"/>
              <ac:spMk id="18" creationId="{480356D4-77D9-4EAF-A6BB-DD80B65F0E25}"/>
            </ac:spMkLst>
          </pc:spChg>
          <pc:spChg chg="add mod">
            <ac:chgData name="Jonas Bratseth" userId="7880613d-1198-4bca-afa6-2725a9958330" providerId="ADAL" clId="{FF08786F-35DD-4FA5-91F3-FF8315EFC03A}" dt="2021-04-12T11:24:42.668" v="616"/>
            <ac:spMkLst>
              <pc:docMk/>
              <pc:sldMasterMk cId="750743933" sldId="2147483648"/>
              <pc:sldLayoutMk cId="3314286841" sldId="2147483705"/>
              <ac:spMk id="19" creationId="{BC6E86D0-4AE7-46BC-A435-E79A60A5FA38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45:53.297" v="738" actId="478"/>
          <pc:sldLayoutMkLst>
            <pc:docMk/>
            <pc:sldMasterMk cId="750743933" sldId="2147483648"/>
            <pc:sldLayoutMk cId="1766422034" sldId="2147483714"/>
          </pc:sldLayoutMkLst>
          <pc:spChg chg="del">
            <ac:chgData name="Jonas Bratseth" userId="7880613d-1198-4bca-afa6-2725a9958330" providerId="ADAL" clId="{FF08786F-35DD-4FA5-91F3-FF8315EFC03A}" dt="2021-04-12T11:45:53.297" v="738" actId="478"/>
            <ac:spMkLst>
              <pc:docMk/>
              <pc:sldMasterMk cId="750743933" sldId="2147483648"/>
              <pc:sldLayoutMk cId="1766422034" sldId="2147483714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39.600" v="591" actId="478"/>
            <ac:spMkLst>
              <pc:docMk/>
              <pc:sldMasterMk cId="750743933" sldId="2147483648"/>
              <pc:sldLayoutMk cId="1766422034" sldId="2147483714"/>
              <ac:spMk id="15" creationId="{D0EEE9E3-9826-4361-A056-DA1D692F4FAF}"/>
            </ac:spMkLst>
          </pc:spChg>
          <pc:spChg chg="add mod">
            <ac:chgData name="Jonas Bratseth" userId="7880613d-1198-4bca-afa6-2725a9958330" providerId="ADAL" clId="{FF08786F-35DD-4FA5-91F3-FF8315EFC03A}" dt="2021-04-12T11:24:15.365" v="606"/>
            <ac:spMkLst>
              <pc:docMk/>
              <pc:sldMasterMk cId="750743933" sldId="2147483648"/>
              <pc:sldLayoutMk cId="1766422034" sldId="2147483714"/>
              <ac:spMk id="22" creationId="{2B10A327-405D-42CA-9F67-2AF8ABA2131E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4T06:22:02.742" v="847"/>
          <pc:sldLayoutMkLst>
            <pc:docMk/>
            <pc:sldMasterMk cId="750743933" sldId="2147483648"/>
            <pc:sldLayoutMk cId="2045479274" sldId="2147483715"/>
          </pc:sldLayoutMkLst>
          <pc:spChg chg="del">
            <ac:chgData name="Jonas Bratseth" userId="7880613d-1198-4bca-afa6-2725a9958330" providerId="ADAL" clId="{FF08786F-35DD-4FA5-91F3-FF8315EFC03A}" dt="2021-04-12T11:45:56.147" v="740" actId="478"/>
            <ac:spMkLst>
              <pc:docMk/>
              <pc:sldMasterMk cId="750743933" sldId="2147483648"/>
              <pc:sldLayoutMk cId="2045479274" sldId="2147483715"/>
              <ac:spMk id="5" creationId="{04904180-C847-4FC0-9759-1956EECC4080}"/>
            </ac:spMkLst>
          </pc:spChg>
          <pc:spChg chg="mod">
            <ac:chgData name="Jonas Bratseth" userId="7880613d-1198-4bca-afa6-2725a9958330" providerId="ADAL" clId="{FF08786F-35DD-4FA5-91F3-FF8315EFC03A}" dt="2021-04-14T06:21:59.459" v="841"/>
            <ac:spMkLst>
              <pc:docMk/>
              <pc:sldMasterMk cId="750743933" sldId="2147483648"/>
              <pc:sldLayoutMk cId="2045479274" sldId="2147483715"/>
              <ac:spMk id="8" creationId="{B2115B63-85A5-424E-8342-6645D629D5D7}"/>
            </ac:spMkLst>
          </pc:spChg>
          <pc:spChg chg="add del mod">
            <ac:chgData name="Jonas Bratseth" userId="7880613d-1198-4bca-afa6-2725a9958330" providerId="ADAL" clId="{FF08786F-35DD-4FA5-91F3-FF8315EFC03A}" dt="2021-04-12T11:23:35.672" v="587" actId="478"/>
            <ac:spMkLst>
              <pc:docMk/>
              <pc:sldMasterMk cId="750743933" sldId="2147483648"/>
              <pc:sldLayoutMk cId="2045479274" sldId="2147483715"/>
              <ac:spMk id="18" creationId="{B3ED8FE5-D6EE-4167-8C92-1CBB17C8E003}"/>
            </ac:spMkLst>
          </pc:spChg>
          <pc:spChg chg="add del mod">
            <ac:chgData name="Jonas Bratseth" userId="7880613d-1198-4bca-afa6-2725a9958330" providerId="ADAL" clId="{FF08786F-35DD-4FA5-91F3-FF8315EFC03A}" dt="2021-04-12T11:24:23.485" v="609" actId="478"/>
            <ac:spMkLst>
              <pc:docMk/>
              <pc:sldMasterMk cId="750743933" sldId="2147483648"/>
              <pc:sldLayoutMk cId="2045479274" sldId="2147483715"/>
              <ac:spMk id="19" creationId="{90CF4E1C-463A-409A-ACCE-B0EA083D0B34}"/>
            </ac:spMkLst>
          </pc:spChg>
          <pc:spChg chg="mod">
            <ac:chgData name="Jonas Bratseth" userId="7880613d-1198-4bca-afa6-2725a9958330" providerId="ADAL" clId="{FF08786F-35DD-4FA5-91F3-FF8315EFC03A}" dt="2021-04-14T06:22:02.742" v="843"/>
            <ac:spMkLst>
              <pc:docMk/>
              <pc:sldMasterMk cId="750743933" sldId="2147483648"/>
              <pc:sldLayoutMk cId="2045479274" sldId="2147483715"/>
              <ac:spMk id="20" creationId="{CE0B8209-0B57-480E-BC05-65AB6422230C}"/>
            </ac:spMkLst>
          </pc:spChg>
          <pc:spChg chg="add mod">
            <ac:chgData name="Jonas Bratseth" userId="7880613d-1198-4bca-afa6-2725a9958330" providerId="ADAL" clId="{FF08786F-35DD-4FA5-91F3-FF8315EFC03A}" dt="2021-04-12T11:24:24.199" v="610"/>
            <ac:spMkLst>
              <pc:docMk/>
              <pc:sldMasterMk cId="750743933" sldId="2147483648"/>
              <pc:sldLayoutMk cId="2045479274" sldId="2147483715"/>
              <ac:spMk id="22" creationId="{15589A20-B34D-47F9-883F-6C734E90FE4E}"/>
            </ac:spMkLst>
          </pc:spChg>
          <pc:spChg chg="mod">
            <ac:chgData name="Jonas Bratseth" userId="7880613d-1198-4bca-afa6-2725a9958330" providerId="ADAL" clId="{FF08786F-35DD-4FA5-91F3-FF8315EFC03A}" dt="2021-04-14T06:22:02.742" v="845"/>
            <ac:spMkLst>
              <pc:docMk/>
              <pc:sldMasterMk cId="750743933" sldId="2147483648"/>
              <pc:sldLayoutMk cId="2045479274" sldId="2147483715"/>
              <ac:spMk id="23" creationId="{2E022E5D-734A-4E35-AC58-D0A331D35696}"/>
            </ac:spMkLst>
          </pc:spChg>
          <pc:spChg chg="mod">
            <ac:chgData name="Jonas Bratseth" userId="7880613d-1198-4bca-afa6-2725a9958330" providerId="ADAL" clId="{FF08786F-35DD-4FA5-91F3-FF8315EFC03A}" dt="2021-04-14T06:22:02.742" v="847"/>
            <ac:spMkLst>
              <pc:docMk/>
              <pc:sldMasterMk cId="750743933" sldId="2147483648"/>
              <pc:sldLayoutMk cId="2045479274" sldId="2147483715"/>
              <ac:spMk id="26" creationId="{825859A8-6BC3-464B-BAC4-75EA404385C4}"/>
            </ac:spMkLst>
          </pc:spChg>
          <pc:spChg chg="del">
            <ac:chgData name="Jonas Bratseth" userId="7880613d-1198-4bca-afa6-2725a9958330" providerId="ADAL" clId="{FF08786F-35DD-4FA5-91F3-FF8315EFC03A}" dt="2021-04-12T11:30:08.621" v="723" actId="478"/>
            <ac:spMkLst>
              <pc:docMk/>
              <pc:sldMasterMk cId="750743933" sldId="2147483648"/>
              <pc:sldLayoutMk cId="2045479274" sldId="2147483715"/>
              <ac:spMk id="32" creationId="{9499EFE1-8CBA-423F-8122-58E739F6751B}"/>
            </ac:spMkLst>
          </pc:spChg>
          <pc:spChg chg="del">
            <ac:chgData name="Jonas Bratseth" userId="7880613d-1198-4bca-afa6-2725a9958330" providerId="ADAL" clId="{FF08786F-35DD-4FA5-91F3-FF8315EFC03A}" dt="2021-04-12T11:30:08.621" v="723" actId="478"/>
            <ac:spMkLst>
              <pc:docMk/>
              <pc:sldMasterMk cId="750743933" sldId="2147483648"/>
              <pc:sldLayoutMk cId="2045479274" sldId="2147483715"/>
              <ac:spMk id="34" creationId="{4663B884-1B37-4D3C-BA4C-6E4DFDC6B7E9}"/>
            </ac:spMkLst>
          </pc:spChg>
          <pc:spChg chg="del">
            <ac:chgData name="Jonas Bratseth" userId="7880613d-1198-4bca-afa6-2725a9958330" providerId="ADAL" clId="{FF08786F-35DD-4FA5-91F3-FF8315EFC03A}" dt="2021-04-12T11:30:08.621" v="723" actId="478"/>
            <ac:spMkLst>
              <pc:docMk/>
              <pc:sldMasterMk cId="750743933" sldId="2147483648"/>
              <pc:sldLayoutMk cId="2045479274" sldId="2147483715"/>
              <ac:spMk id="36" creationId="{D5AEE4FD-CC8C-4092-AAA0-989B431A8483}"/>
            </ac:spMkLst>
          </pc:spChg>
          <pc:spChg chg="del">
            <ac:chgData name="Jonas Bratseth" userId="7880613d-1198-4bca-afa6-2725a9958330" providerId="ADAL" clId="{FF08786F-35DD-4FA5-91F3-FF8315EFC03A}" dt="2021-04-12T11:30:08.621" v="723" actId="478"/>
            <ac:spMkLst>
              <pc:docMk/>
              <pc:sldMasterMk cId="750743933" sldId="2147483648"/>
              <pc:sldLayoutMk cId="2045479274" sldId="2147483715"/>
              <ac:spMk id="41" creationId="{D5EB240A-3766-4487-8B37-EF0F3B69118B}"/>
            </ac:spMkLst>
          </pc:spChg>
          <pc:spChg chg="del">
            <ac:chgData name="Jonas Bratseth" userId="7880613d-1198-4bca-afa6-2725a9958330" providerId="ADAL" clId="{FF08786F-35DD-4FA5-91F3-FF8315EFC03A}" dt="2021-04-12T11:30:08.621" v="723" actId="478"/>
            <ac:spMkLst>
              <pc:docMk/>
              <pc:sldMasterMk cId="750743933" sldId="2147483648"/>
              <pc:sldLayoutMk cId="2045479274" sldId="2147483715"/>
              <ac:spMk id="42" creationId="{E7A50160-9C8F-4AEA-B2A9-645F2215554C}"/>
            </ac:spMkLst>
          </pc:spChg>
          <pc:cxnChg chg="del">
            <ac:chgData name="Jonas Bratseth" userId="7880613d-1198-4bca-afa6-2725a9958330" providerId="ADAL" clId="{FF08786F-35DD-4FA5-91F3-FF8315EFC03A}" dt="2021-04-12T11:30:08.621" v="723" actId="478"/>
            <ac:cxnSpMkLst>
              <pc:docMk/>
              <pc:sldMasterMk cId="750743933" sldId="2147483648"/>
              <pc:sldLayoutMk cId="2045479274" sldId="2147483715"/>
              <ac:cxnSpMk id="46" creationId="{07D70D71-7D65-456F-8918-0D83F0B88E9C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12T11:45:57.763" v="741" actId="478"/>
          <pc:sldLayoutMkLst>
            <pc:docMk/>
            <pc:sldMasterMk cId="750743933" sldId="2147483648"/>
            <pc:sldLayoutMk cId="4199085092" sldId="2147483717"/>
          </pc:sldLayoutMkLst>
          <pc:spChg chg="del">
            <ac:chgData name="Jonas Bratseth" userId="7880613d-1198-4bca-afa6-2725a9958330" providerId="ADAL" clId="{FF08786F-35DD-4FA5-91F3-FF8315EFC03A}" dt="2021-04-12T11:45:57.763" v="741" actId="478"/>
            <ac:spMkLst>
              <pc:docMk/>
              <pc:sldMasterMk cId="750743933" sldId="2147483648"/>
              <pc:sldLayoutMk cId="4199085092" sldId="2147483717"/>
              <ac:spMk id="5" creationId="{04904180-C847-4FC0-9759-1956EECC4080}"/>
            </ac:spMkLst>
          </pc:spChg>
          <pc:spChg chg="add del mod">
            <ac:chgData name="Jonas Bratseth" userId="7880613d-1198-4bca-afa6-2725a9958330" providerId="ADAL" clId="{FF08786F-35DD-4FA5-91F3-FF8315EFC03A}" dt="2021-04-12T11:23:32.631" v="585" actId="478"/>
            <ac:spMkLst>
              <pc:docMk/>
              <pc:sldMasterMk cId="750743933" sldId="2147483648"/>
              <pc:sldLayoutMk cId="4199085092" sldId="2147483717"/>
              <ac:spMk id="17" creationId="{2AEE9EBF-2142-420A-BBB0-80312852D59C}"/>
            </ac:spMkLst>
          </pc:spChg>
          <pc:spChg chg="add del mod">
            <ac:chgData name="Jonas Bratseth" userId="7880613d-1198-4bca-afa6-2725a9958330" providerId="ADAL" clId="{FF08786F-35DD-4FA5-91F3-FF8315EFC03A}" dt="2021-04-12T11:24:30.102" v="611" actId="478"/>
            <ac:spMkLst>
              <pc:docMk/>
              <pc:sldMasterMk cId="750743933" sldId="2147483648"/>
              <pc:sldLayoutMk cId="4199085092" sldId="2147483717"/>
              <ac:spMk id="18" creationId="{3084C72F-7118-4D05-8A71-1CBFA53700E3}"/>
            </ac:spMkLst>
          </pc:spChg>
          <pc:spChg chg="add mod">
            <ac:chgData name="Jonas Bratseth" userId="7880613d-1198-4bca-afa6-2725a9958330" providerId="ADAL" clId="{FF08786F-35DD-4FA5-91F3-FF8315EFC03A}" dt="2021-04-12T11:24:30.964" v="612"/>
            <ac:spMkLst>
              <pc:docMk/>
              <pc:sldMasterMk cId="750743933" sldId="2147483648"/>
              <pc:sldLayoutMk cId="4199085092" sldId="2147483717"/>
              <ac:spMk id="19" creationId="{61A31FA8-45E7-4F21-920C-1CD45F20D7EB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2T11:25:25.085" v="640"/>
          <pc:sldLayoutMkLst>
            <pc:docMk/>
            <pc:sldMasterMk cId="750743933" sldId="2147483648"/>
            <pc:sldLayoutMk cId="1376239089" sldId="2147483748"/>
          </pc:sldLayoutMkLst>
          <pc:spChg chg="add del">
            <ac:chgData name="Jonas Bratseth" userId="7880613d-1198-4bca-afa6-2725a9958330" providerId="ADAL" clId="{FF08786F-35DD-4FA5-91F3-FF8315EFC03A}" dt="2021-04-12T08:32:11.927" v="359" actId="11529"/>
            <ac:spMkLst>
              <pc:docMk/>
              <pc:sldMasterMk cId="750743933" sldId="2147483648"/>
              <pc:sldLayoutMk cId="1376239089" sldId="2147483748"/>
              <ac:spMk id="2" creationId="{3ED2CF26-B3E3-44EE-B64D-A81374CF4F2F}"/>
            </ac:spMkLst>
          </pc:spChg>
          <pc:spChg chg="add mod ord">
            <ac:chgData name="Jonas Bratseth" userId="7880613d-1198-4bca-afa6-2725a9958330" providerId="ADAL" clId="{FF08786F-35DD-4FA5-91F3-FF8315EFC03A}" dt="2021-04-12T08:32:52.757" v="402" actId="167"/>
            <ac:spMkLst>
              <pc:docMk/>
              <pc:sldMasterMk cId="750743933" sldId="2147483648"/>
              <pc:sldLayoutMk cId="1376239089" sldId="2147483748"/>
              <ac:spMk id="3" creationId="{E2091FE9-5642-447B-A657-51E61C78B318}"/>
            </ac:spMkLst>
          </pc:spChg>
          <pc:spChg chg="add del">
            <ac:chgData name="Jonas Bratseth" userId="7880613d-1198-4bca-afa6-2725a9958330" providerId="ADAL" clId="{FF08786F-35DD-4FA5-91F3-FF8315EFC03A}" dt="2021-04-12T08:33:09.112" v="403" actId="11529"/>
            <ac:spMkLst>
              <pc:docMk/>
              <pc:sldMasterMk cId="750743933" sldId="2147483648"/>
              <pc:sldLayoutMk cId="1376239089" sldId="2147483748"/>
              <ac:spMk id="4" creationId="{157B0DD5-5379-4FC8-BA1E-65B3FDE48FA3}"/>
            </ac:spMkLst>
          </pc:spChg>
          <pc:spChg chg="add del mod">
            <ac:chgData name="Jonas Bratseth" userId="7880613d-1198-4bca-afa6-2725a9958330" providerId="ADAL" clId="{FF08786F-35DD-4FA5-91F3-FF8315EFC03A}" dt="2021-04-12T08:33:12.843" v="406" actId="478"/>
            <ac:spMkLst>
              <pc:docMk/>
              <pc:sldMasterMk cId="750743933" sldId="2147483648"/>
              <pc:sldLayoutMk cId="1376239089" sldId="2147483748"/>
              <ac:spMk id="5" creationId="{4040300F-416A-4D40-9A5E-426C46524E3A}"/>
            </ac:spMkLst>
          </pc:spChg>
          <pc:spChg chg="add del mod">
            <ac:chgData name="Jonas Bratseth" userId="7880613d-1198-4bca-afa6-2725a9958330" providerId="ADAL" clId="{FF08786F-35DD-4FA5-91F3-FF8315EFC03A}" dt="2021-04-12T11:16:22.408" v="511" actId="478"/>
            <ac:spMkLst>
              <pc:docMk/>
              <pc:sldMasterMk cId="750743933" sldId="2147483648"/>
              <pc:sldLayoutMk cId="1376239089" sldId="2147483748"/>
              <ac:spMk id="8" creationId="{4A50355D-AE96-4094-952D-E58D4D07C6E3}"/>
            </ac:spMkLst>
          </pc:spChg>
          <pc:spChg chg="add del mod">
            <ac:chgData name="Jonas Bratseth" userId="7880613d-1198-4bca-afa6-2725a9958330" providerId="ADAL" clId="{FF08786F-35DD-4FA5-91F3-FF8315EFC03A}" dt="2021-04-12T11:25:24.354" v="639" actId="478"/>
            <ac:spMkLst>
              <pc:docMk/>
              <pc:sldMasterMk cId="750743933" sldId="2147483648"/>
              <pc:sldLayoutMk cId="1376239089" sldId="2147483748"/>
              <ac:spMk id="9" creationId="{4C68FC0B-98C7-4F76-AF86-FEA27C20407B}"/>
            </ac:spMkLst>
          </pc:spChg>
          <pc:spChg chg="ord">
            <ac:chgData name="Jonas Bratseth" userId="7880613d-1198-4bca-afa6-2725a9958330" providerId="ADAL" clId="{FF08786F-35DD-4FA5-91F3-FF8315EFC03A}" dt="2021-04-12T11:10:20.115" v="469" actId="167"/>
            <ac:spMkLst>
              <pc:docMk/>
              <pc:sldMasterMk cId="750743933" sldId="2147483648"/>
              <pc:sldLayoutMk cId="1376239089" sldId="2147483748"/>
              <ac:spMk id="10" creationId="{BA9FE935-F199-41D7-871A-24EC1D9C5AD9}"/>
            </ac:spMkLst>
          </pc:spChg>
          <pc:spChg chg="add mod">
            <ac:chgData name="Jonas Bratseth" userId="7880613d-1198-4bca-afa6-2725a9958330" providerId="ADAL" clId="{FF08786F-35DD-4FA5-91F3-FF8315EFC03A}" dt="2021-04-12T11:25:25.085" v="640"/>
            <ac:spMkLst>
              <pc:docMk/>
              <pc:sldMasterMk cId="750743933" sldId="2147483648"/>
              <pc:sldLayoutMk cId="1376239089" sldId="2147483748"/>
              <ac:spMk id="11" creationId="{A4B5E9D0-5AD0-4620-898F-B8CBAD3BCBA3}"/>
            </ac:spMkLst>
          </pc:spChg>
          <pc:spChg chg="mod">
            <ac:chgData name="Jonas Bratseth" userId="7880613d-1198-4bca-afa6-2725a9958330" providerId="ADAL" clId="{FF08786F-35DD-4FA5-91F3-FF8315EFC03A}" dt="2021-04-12T08:34:49.047" v="466"/>
            <ac:spMkLst>
              <pc:docMk/>
              <pc:sldMasterMk cId="750743933" sldId="2147483648"/>
              <pc:sldLayoutMk cId="1376239089" sldId="2147483748"/>
              <ac:spMk id="12" creationId="{C4136857-8A04-412B-B6B5-632FD407B032}"/>
            </ac:spMkLst>
          </pc:spChg>
          <pc:cxnChg chg="add del mod">
            <ac:chgData name="Jonas Bratseth" userId="7880613d-1198-4bca-afa6-2725a9958330" providerId="ADAL" clId="{FF08786F-35DD-4FA5-91F3-FF8315EFC03A}" dt="2021-04-12T08:33:22.017" v="409" actId="478"/>
            <ac:cxnSpMkLst>
              <pc:docMk/>
              <pc:sldMasterMk cId="750743933" sldId="2147483648"/>
              <pc:sldLayoutMk cId="1376239089" sldId="2147483748"/>
              <ac:cxnSpMk id="7" creationId="{FE8C7B6A-482A-4011-A1A3-45D1F2E2BF37}"/>
            </ac:cxnSpMkLst>
          </pc:cxnChg>
          <pc:cxnChg chg="add del mod">
            <ac:chgData name="Jonas Bratseth" userId="7880613d-1198-4bca-afa6-2725a9958330" providerId="ADAL" clId="{FF08786F-35DD-4FA5-91F3-FF8315EFC03A}" dt="2021-04-12T08:34:36.195" v="464" actId="478"/>
            <ac:cxnSpMkLst>
              <pc:docMk/>
              <pc:sldMasterMk cId="750743933" sldId="2147483648"/>
              <pc:sldLayoutMk cId="1376239089" sldId="2147483748"/>
              <ac:cxnSpMk id="11" creationId="{344BB1A6-D078-45BD-83CB-5231ED709486}"/>
            </ac:cxnSpMkLst>
          </pc:cxnChg>
          <pc:cxnChg chg="add del mod">
            <ac:chgData name="Jonas Bratseth" userId="7880613d-1198-4bca-afa6-2725a9958330" providerId="ADAL" clId="{FF08786F-35DD-4FA5-91F3-FF8315EFC03A}" dt="2021-04-12T08:34:01.963" v="429" actId="478"/>
            <ac:cxnSpMkLst>
              <pc:docMk/>
              <pc:sldMasterMk cId="750743933" sldId="2147483648"/>
              <pc:sldLayoutMk cId="1376239089" sldId="2147483748"/>
              <ac:cxnSpMk id="16" creationId="{CE7B47A5-8A4E-4A98-965E-7A3B64DA395A}"/>
            </ac:cxnSpMkLst>
          </pc:cxnChg>
          <pc:cxnChg chg="add del mod">
            <ac:chgData name="Jonas Bratseth" userId="7880613d-1198-4bca-afa6-2725a9958330" providerId="ADAL" clId="{FF08786F-35DD-4FA5-91F3-FF8315EFC03A}" dt="2021-04-12T08:34:11.881" v="446" actId="478"/>
            <ac:cxnSpMkLst>
              <pc:docMk/>
              <pc:sldMasterMk cId="750743933" sldId="2147483648"/>
              <pc:sldLayoutMk cId="1376239089" sldId="2147483748"/>
              <ac:cxnSpMk id="19" creationId="{C948A6ED-8871-4EA5-9104-3AA20B0B30B2}"/>
            </ac:cxnSpMkLst>
          </pc:cxnChg>
        </pc:sldLayoutChg>
        <pc:sldLayoutChg chg="delSp modSp add mod modTransition">
          <pc:chgData name="Jonas Bratseth" userId="7880613d-1198-4bca-afa6-2725a9958330" providerId="ADAL" clId="{FF08786F-35DD-4FA5-91F3-FF8315EFC03A}" dt="2021-04-12T11:45:59.077" v="742" actId="478"/>
          <pc:sldLayoutMkLst>
            <pc:docMk/>
            <pc:sldMasterMk cId="750743933" sldId="2147483648"/>
            <pc:sldLayoutMk cId="2171981857" sldId="2147483749"/>
          </pc:sldLayoutMkLst>
          <pc:spChg chg="del">
            <ac:chgData name="Jonas Bratseth" userId="7880613d-1198-4bca-afa6-2725a9958330" providerId="ADAL" clId="{FF08786F-35DD-4FA5-91F3-FF8315EFC03A}" dt="2021-04-12T11:45:59.077" v="742" actId="478"/>
            <ac:spMkLst>
              <pc:docMk/>
              <pc:sldMasterMk cId="750743933" sldId="2147483648"/>
              <pc:sldLayoutMk cId="2171981857" sldId="2147483749"/>
              <ac:spMk id="5" creationId="{04904180-C847-4FC0-9759-1956EECC4080}"/>
            </ac:spMkLst>
          </pc:spChg>
          <pc:spChg chg="del">
            <ac:chgData name="Jonas Bratseth" userId="7880613d-1198-4bca-afa6-2725a9958330" providerId="ADAL" clId="{FF08786F-35DD-4FA5-91F3-FF8315EFC03A}" dt="2021-04-12T11:27:29.438" v="642" actId="478"/>
            <ac:spMkLst>
              <pc:docMk/>
              <pc:sldMasterMk cId="750743933" sldId="2147483648"/>
              <pc:sldLayoutMk cId="2171981857" sldId="2147483749"/>
              <ac:spMk id="6" creationId="{2B1AC3E8-DC3F-4CE5-B272-5921EFCB66D6}"/>
            </ac:spMkLst>
          </pc:spChg>
          <pc:spChg chg="mod">
            <ac:chgData name="Jonas Bratseth" userId="7880613d-1198-4bca-afa6-2725a9958330" providerId="ADAL" clId="{FF08786F-35DD-4FA5-91F3-FF8315EFC03A}" dt="2021-04-12T11:27:46.177" v="708" actId="3064"/>
            <ac:spMkLst>
              <pc:docMk/>
              <pc:sldMasterMk cId="750743933" sldId="2147483648"/>
              <pc:sldLayoutMk cId="2171981857" sldId="2147483749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FF08786F-35DD-4FA5-91F3-FF8315EFC03A}" dt="2021-04-12T11:28:05.272" v="710" actId="14100"/>
            <ac:spMkLst>
              <pc:docMk/>
              <pc:sldMasterMk cId="750743933" sldId="2147483648"/>
              <pc:sldLayoutMk cId="2171981857" sldId="2147483749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12T11:28:00.598" v="709" actId="3064"/>
            <ac:spMkLst>
              <pc:docMk/>
              <pc:sldMasterMk cId="750743933" sldId="2147483648"/>
              <pc:sldLayoutMk cId="2171981857" sldId="2147483749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FF08786F-35DD-4FA5-91F3-FF8315EFC03A}" dt="2021-04-12T11:28:11.258" v="718"/>
            <ac:spMkLst>
              <pc:docMk/>
              <pc:sldMasterMk cId="750743933" sldId="2147483648"/>
              <pc:sldLayoutMk cId="2171981857" sldId="2147483749"/>
              <ac:spMk id="35" creationId="{67B5BB42-EBC1-4D9B-957E-57865842A511}"/>
            </ac:spMkLst>
          </pc:spChg>
          <pc:spChg chg="del">
            <ac:chgData name="Jonas Bratseth" userId="7880613d-1198-4bca-afa6-2725a9958330" providerId="ADAL" clId="{FF08786F-35DD-4FA5-91F3-FF8315EFC03A}" dt="2021-04-12T11:27:30.087" v="643" actId="478"/>
            <ac:spMkLst>
              <pc:docMk/>
              <pc:sldMasterMk cId="750743933" sldId="2147483648"/>
              <pc:sldLayoutMk cId="2171981857" sldId="2147483749"/>
              <ac:spMk id="39" creationId="{0F10CBC3-6807-4D3C-8B23-0028D9CF8608}"/>
            </ac:spMkLst>
          </pc:spChg>
          <pc:spChg chg="mod">
            <ac:chgData name="Jonas Bratseth" userId="7880613d-1198-4bca-afa6-2725a9958330" providerId="ADAL" clId="{FF08786F-35DD-4FA5-91F3-FF8315EFC03A}" dt="2021-04-12T11:28:00.598" v="709" actId="3064"/>
            <ac:spMkLst>
              <pc:docMk/>
              <pc:sldMasterMk cId="750743933" sldId="2147483648"/>
              <pc:sldLayoutMk cId="2171981857" sldId="2147483749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FF08786F-35DD-4FA5-91F3-FF8315EFC03A}" dt="2021-04-12T11:28:11.259" v="720"/>
            <ac:spMkLst>
              <pc:docMk/>
              <pc:sldMasterMk cId="750743933" sldId="2147483648"/>
              <pc:sldLayoutMk cId="2171981857" sldId="2147483749"/>
              <ac:spMk id="47" creationId="{DACA3139-8734-4F03-B7AE-06497028D8C4}"/>
            </ac:spMkLst>
          </pc:spChg>
          <pc:spChg chg="del">
            <ac:chgData name="Jonas Bratseth" userId="7880613d-1198-4bca-afa6-2725a9958330" providerId="ADAL" clId="{FF08786F-35DD-4FA5-91F3-FF8315EFC03A}" dt="2021-04-12T11:27:30.501" v="644" actId="478"/>
            <ac:spMkLst>
              <pc:docMk/>
              <pc:sldMasterMk cId="750743933" sldId="2147483648"/>
              <pc:sldLayoutMk cId="2171981857" sldId="2147483749"/>
              <ac:spMk id="48" creationId="{B501B0E5-0DFC-4286-9E8B-15E393E37480}"/>
            </ac:spMkLst>
          </pc:spChg>
          <pc:spChg chg="mod">
            <ac:chgData name="Jonas Bratseth" userId="7880613d-1198-4bca-afa6-2725a9958330" providerId="ADAL" clId="{FF08786F-35DD-4FA5-91F3-FF8315EFC03A}" dt="2021-04-12T11:28:00.598" v="709" actId="3064"/>
            <ac:spMkLst>
              <pc:docMk/>
              <pc:sldMasterMk cId="750743933" sldId="2147483648"/>
              <pc:sldLayoutMk cId="2171981857" sldId="2147483749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FF08786F-35DD-4FA5-91F3-FF8315EFC03A}" dt="2021-04-12T11:28:11.259" v="722"/>
            <ac:spMkLst>
              <pc:docMk/>
              <pc:sldMasterMk cId="750743933" sldId="2147483648"/>
              <pc:sldLayoutMk cId="2171981857" sldId="2147483749"/>
              <ac:spMk id="51" creationId="{9B87CD94-7A09-4FBF-8581-99B20B7C8576}"/>
            </ac:spMkLst>
          </pc:spChg>
          <pc:spChg chg="del">
            <ac:chgData name="Jonas Bratseth" userId="7880613d-1198-4bca-afa6-2725a9958330" providerId="ADAL" clId="{FF08786F-35DD-4FA5-91F3-FF8315EFC03A}" dt="2021-04-12T11:27:31.077" v="645" actId="478"/>
            <ac:spMkLst>
              <pc:docMk/>
              <pc:sldMasterMk cId="750743933" sldId="2147483648"/>
              <pc:sldLayoutMk cId="2171981857" sldId="2147483749"/>
              <ac:spMk id="52" creationId="{2B934ECD-A752-45ED-BD72-370981CDAA93}"/>
            </ac:spMkLst>
          </pc:spChg>
        </pc:sldLayoutChg>
      </pc:sldMasterChg>
      <pc:sldMasterChg chg="modSp modSldLayout">
        <pc:chgData name="Jonas Bratseth" userId="7880613d-1198-4bca-afa6-2725a9958330" providerId="ADAL" clId="{FF08786F-35DD-4FA5-91F3-FF8315EFC03A}" dt="2021-04-26T06:12:21.477" v="1299" actId="167"/>
        <pc:sldMasterMkLst>
          <pc:docMk/>
          <pc:sldMasterMk cId="4013363400" sldId="2147483662"/>
        </pc:sldMasterMkLst>
        <pc:spChg chg="mod">
          <ac:chgData name="Jonas Bratseth" userId="7880613d-1198-4bca-afa6-2725a9958330" providerId="ADAL" clId="{FF08786F-35DD-4FA5-91F3-FF8315EFC03A}" dt="2021-04-14T07:05:39.611" v="899" actId="12"/>
          <ac:spMkLst>
            <pc:docMk/>
            <pc:sldMasterMk cId="4013363400" sldId="2147483662"/>
            <ac:spMk id="8" creationId="{0A070B88-1D4D-44C9-AC83-BD74551FEA5B}"/>
          </ac:spMkLst>
        </pc:spChg>
        <pc:sldLayoutChg chg="addSp delSp modSp mod">
          <pc:chgData name="Jonas Bratseth" userId="7880613d-1198-4bca-afa6-2725a9958330" providerId="ADAL" clId="{FF08786F-35DD-4FA5-91F3-FF8315EFC03A}" dt="2021-04-23T11:40:03.304" v="1056" actId="478"/>
          <pc:sldLayoutMkLst>
            <pc:docMk/>
            <pc:sldMasterMk cId="4013363400" sldId="2147483662"/>
            <pc:sldLayoutMk cId="1404883753" sldId="2147483663"/>
          </pc:sldLayoutMkLst>
          <pc:spChg chg="add del mod">
            <ac:chgData name="Jonas Bratseth" userId="7880613d-1198-4bca-afa6-2725a9958330" providerId="ADAL" clId="{FF08786F-35DD-4FA5-91F3-FF8315EFC03A}" dt="2021-04-14T06:57:43.117" v="878" actId="478"/>
            <ac:spMkLst>
              <pc:docMk/>
              <pc:sldMasterMk cId="4013363400" sldId="2147483662"/>
              <pc:sldLayoutMk cId="1404883753" sldId="2147483663"/>
              <ac:spMk id="11" creationId="{64288D7D-1C54-4FDF-92BA-A4868EA3F255}"/>
            </ac:spMkLst>
          </pc:spChg>
          <pc:spChg chg="add del mod">
            <ac:chgData name="Jonas Bratseth" userId="7880613d-1198-4bca-afa6-2725a9958330" providerId="ADAL" clId="{FF08786F-35DD-4FA5-91F3-FF8315EFC03A}" dt="2021-04-23T11:40:03.304" v="1056" actId="478"/>
            <ac:spMkLst>
              <pc:docMk/>
              <pc:sldMasterMk cId="4013363400" sldId="2147483662"/>
              <pc:sldLayoutMk cId="1404883753" sldId="2147483663"/>
              <ac:spMk id="11" creationId="{FF5E14DC-5BA1-4DC2-AA83-B1E3720AFFBD}"/>
            </ac:spMkLst>
          </pc:spChg>
          <pc:spChg chg="del">
            <ac:chgData name="Jonas Bratseth" userId="7880613d-1198-4bca-afa6-2725a9958330" providerId="ADAL" clId="{FF08786F-35DD-4FA5-91F3-FF8315EFC03A}" dt="2021-04-14T06:54:31.065" v="861" actId="478"/>
            <ac:spMkLst>
              <pc:docMk/>
              <pc:sldMasterMk cId="4013363400" sldId="2147483662"/>
              <pc:sldLayoutMk cId="1404883753" sldId="2147483663"/>
              <ac:spMk id="12" creationId="{C4136857-8A04-412B-B6B5-632FD407B032}"/>
            </ac:spMkLst>
          </pc:spChg>
          <pc:spChg chg="del">
            <ac:chgData name="Jonas Bratseth" userId="7880613d-1198-4bca-afa6-2725a9958330" providerId="ADAL" clId="{FF08786F-35DD-4FA5-91F3-FF8315EFC03A}" dt="2021-04-14T06:54:32.509" v="862" actId="478"/>
            <ac:spMkLst>
              <pc:docMk/>
              <pc:sldMasterMk cId="4013363400" sldId="2147483662"/>
              <pc:sldLayoutMk cId="1404883753" sldId="2147483663"/>
              <ac:spMk id="13" creationId="{8EDF94FC-487E-4582-A68F-1CE82F069903}"/>
            </ac:spMkLst>
          </pc:spChg>
          <pc:spChg chg="add del mod">
            <ac:chgData name="Jonas Bratseth" userId="7880613d-1198-4bca-afa6-2725a9958330" providerId="ADAL" clId="{FF08786F-35DD-4FA5-91F3-FF8315EFC03A}" dt="2021-04-14T06:57:44.859" v="879" actId="478"/>
            <ac:spMkLst>
              <pc:docMk/>
              <pc:sldMasterMk cId="4013363400" sldId="2147483662"/>
              <pc:sldLayoutMk cId="1404883753" sldId="2147483663"/>
              <ac:spMk id="14" creationId="{A4D02729-57FD-48F1-9686-7A7F98C85204}"/>
            </ac:spMkLst>
          </pc:spChg>
          <pc:spChg chg="add del mod">
            <ac:chgData name="Jonas Bratseth" userId="7880613d-1198-4bca-afa6-2725a9958330" providerId="ADAL" clId="{FF08786F-35DD-4FA5-91F3-FF8315EFC03A}" dt="2021-04-14T06:57:45.889" v="880" actId="478"/>
            <ac:spMkLst>
              <pc:docMk/>
              <pc:sldMasterMk cId="4013363400" sldId="2147483662"/>
              <pc:sldLayoutMk cId="1404883753" sldId="2147483663"/>
              <ac:spMk id="15" creationId="{E72C4DB5-D577-4DB5-B001-C93910A7B152}"/>
            </ac:spMkLst>
          </pc:spChg>
          <pc:spChg chg="add mod">
            <ac:chgData name="Jonas Bratseth" userId="7880613d-1198-4bca-afa6-2725a9958330" providerId="ADAL" clId="{FF08786F-35DD-4FA5-91F3-FF8315EFC03A}" dt="2021-04-14T06:57:46.750" v="881"/>
            <ac:spMkLst>
              <pc:docMk/>
              <pc:sldMasterMk cId="4013363400" sldId="2147483662"/>
              <pc:sldLayoutMk cId="1404883753" sldId="2147483663"/>
              <ac:spMk id="16" creationId="{6A8768F7-4F61-452F-97F4-CD044C0D0A81}"/>
            </ac:spMkLst>
          </pc:spChg>
          <pc:spChg chg="add mod">
            <ac:chgData name="Jonas Bratseth" userId="7880613d-1198-4bca-afa6-2725a9958330" providerId="ADAL" clId="{FF08786F-35DD-4FA5-91F3-FF8315EFC03A}" dt="2021-04-14T06:57:46.750" v="881"/>
            <ac:spMkLst>
              <pc:docMk/>
              <pc:sldMasterMk cId="4013363400" sldId="2147483662"/>
              <pc:sldLayoutMk cId="1404883753" sldId="2147483663"/>
              <ac:spMk id="17" creationId="{EE680BC7-0AE6-49D6-858B-724F45AAF5CC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4T06:55:56.726" v="866"/>
          <pc:sldLayoutMkLst>
            <pc:docMk/>
            <pc:sldMasterMk cId="4013363400" sldId="2147483662"/>
            <pc:sldLayoutMk cId="1287977263" sldId="2147483664"/>
          </pc:sldLayoutMkLst>
          <pc:spChg chg="del">
            <ac:chgData name="Jonas Bratseth" userId="7880613d-1198-4bca-afa6-2725a9958330" providerId="ADAL" clId="{FF08786F-35DD-4FA5-91F3-FF8315EFC03A}" dt="2021-04-14T06:55:53.776" v="864" actId="478"/>
            <ac:spMkLst>
              <pc:docMk/>
              <pc:sldMasterMk cId="4013363400" sldId="2147483662"/>
              <pc:sldLayoutMk cId="1287977263" sldId="2147483664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FF08786F-35DD-4FA5-91F3-FF8315EFC03A}" dt="2021-04-14T06:55:55.920" v="865" actId="478"/>
            <ac:spMkLst>
              <pc:docMk/>
              <pc:sldMasterMk cId="4013363400" sldId="2147483662"/>
              <pc:sldLayoutMk cId="1287977263" sldId="2147483664"/>
              <ac:spMk id="3" creationId="{8637D6E0-F061-4BBC-8DBC-562373D266A8}"/>
            </ac:spMkLst>
          </pc:spChg>
          <pc:spChg chg="add mod">
            <ac:chgData name="Jonas Bratseth" userId="7880613d-1198-4bca-afa6-2725a9958330" providerId="ADAL" clId="{FF08786F-35DD-4FA5-91F3-FF8315EFC03A}" dt="2021-04-14T06:55:56.726" v="866"/>
            <ac:spMkLst>
              <pc:docMk/>
              <pc:sldMasterMk cId="4013363400" sldId="2147483662"/>
              <pc:sldLayoutMk cId="1287977263" sldId="2147483664"/>
              <ac:spMk id="9" creationId="{ED734173-A9DF-4717-B0CC-3C74C1FDD3F0}"/>
            </ac:spMkLst>
          </pc:spChg>
          <pc:spChg chg="add mod">
            <ac:chgData name="Jonas Bratseth" userId="7880613d-1198-4bca-afa6-2725a9958330" providerId="ADAL" clId="{FF08786F-35DD-4FA5-91F3-FF8315EFC03A}" dt="2021-04-14T06:55:56.726" v="866"/>
            <ac:spMkLst>
              <pc:docMk/>
              <pc:sldMasterMk cId="4013363400" sldId="2147483662"/>
              <pc:sldLayoutMk cId="1287977263" sldId="2147483664"/>
              <ac:spMk id="10" creationId="{B800CB92-A772-4828-9BC6-19018BF2A013}"/>
            </ac:spMkLst>
          </pc:spChg>
          <pc:spChg chg="add mod">
            <ac:chgData name="Jonas Bratseth" userId="7880613d-1198-4bca-afa6-2725a9958330" providerId="ADAL" clId="{FF08786F-35DD-4FA5-91F3-FF8315EFC03A}" dt="2021-04-14T06:55:56.726" v="866"/>
            <ac:spMkLst>
              <pc:docMk/>
              <pc:sldMasterMk cId="4013363400" sldId="2147483662"/>
              <pc:sldLayoutMk cId="1287977263" sldId="2147483664"/>
              <ac:spMk id="11" creationId="{A99B8A2E-FE6B-40DC-8F5F-468642CA5E03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6T06:12:21.477" v="1299" actId="167"/>
          <pc:sldLayoutMkLst>
            <pc:docMk/>
            <pc:sldMasterMk cId="4013363400" sldId="2147483662"/>
            <pc:sldLayoutMk cId="2141365888" sldId="2147483665"/>
          </pc:sldLayoutMkLst>
          <pc:spChg chg="add mod ord">
            <ac:chgData name="Jonas Bratseth" userId="7880613d-1198-4bca-afa6-2725a9958330" providerId="ADAL" clId="{FF08786F-35DD-4FA5-91F3-FF8315EFC03A}" dt="2021-04-26T06:12:21.477" v="1299" actId="167"/>
            <ac:spMkLst>
              <pc:docMk/>
              <pc:sldMasterMk cId="4013363400" sldId="2147483662"/>
              <pc:sldLayoutMk cId="2141365888" sldId="2147483665"/>
              <ac:spMk id="8" creationId="{C33E9E45-6CEA-4092-8861-897D476EFECA}"/>
            </ac:spMkLst>
          </pc:spChg>
          <pc:spChg chg="add del mod">
            <ac:chgData name="Jonas Bratseth" userId="7880613d-1198-4bca-afa6-2725a9958330" providerId="ADAL" clId="{FF08786F-35DD-4FA5-91F3-FF8315EFC03A}" dt="2021-04-23T11:45:53.451" v="1154" actId="478"/>
            <ac:spMkLst>
              <pc:docMk/>
              <pc:sldMasterMk cId="4013363400" sldId="2147483662"/>
              <pc:sldLayoutMk cId="2141365888" sldId="2147483665"/>
              <ac:spMk id="8" creationId="{F65D9FFE-86C1-42FE-93B4-2DA591B839E7}"/>
            </ac:spMkLst>
          </pc:spChg>
          <pc:spChg chg="add del mod ord">
            <ac:chgData name="Jonas Bratseth" userId="7880613d-1198-4bca-afa6-2725a9958330" providerId="ADAL" clId="{FF08786F-35DD-4FA5-91F3-FF8315EFC03A}" dt="2021-04-26T06:12:18.276" v="1297" actId="478"/>
            <ac:spMkLst>
              <pc:docMk/>
              <pc:sldMasterMk cId="4013363400" sldId="2147483662"/>
              <pc:sldLayoutMk cId="2141365888" sldId="2147483665"/>
              <ac:spMk id="10" creationId="{61D0B775-393D-4709-9A3C-13DA156AD4C6}"/>
            </ac:spMkLst>
          </pc:spChg>
          <pc:spChg chg="del">
            <ac:chgData name="Jonas Bratseth" userId="7880613d-1198-4bca-afa6-2725a9958330" providerId="ADAL" clId="{FF08786F-35DD-4FA5-91F3-FF8315EFC03A}" dt="2021-04-23T11:45:50.552" v="1152" actId="478"/>
            <ac:spMkLst>
              <pc:docMk/>
              <pc:sldMasterMk cId="4013363400" sldId="2147483662"/>
              <pc:sldLayoutMk cId="2141365888" sldId="2147483665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5:45.661" v="1151" actId="167"/>
          <pc:sldLayoutMkLst>
            <pc:docMk/>
            <pc:sldMasterMk cId="4013363400" sldId="2147483662"/>
            <pc:sldLayoutMk cId="985400397" sldId="2147483671"/>
          </pc:sldLayoutMkLst>
          <pc:spChg chg="add mod ord">
            <ac:chgData name="Jonas Bratseth" userId="7880613d-1198-4bca-afa6-2725a9958330" providerId="ADAL" clId="{FF08786F-35DD-4FA5-91F3-FF8315EFC03A}" dt="2021-04-23T11:45:45.661" v="1151" actId="167"/>
            <ac:spMkLst>
              <pc:docMk/>
              <pc:sldMasterMk cId="4013363400" sldId="2147483662"/>
              <pc:sldLayoutMk cId="985400397" sldId="2147483671"/>
              <ac:spMk id="7" creationId="{7E53C3F6-D88E-487C-B6DF-BA84D3CDBE6E}"/>
            </ac:spMkLst>
          </pc:spChg>
          <pc:spChg chg="del">
            <ac:chgData name="Jonas Bratseth" userId="7880613d-1198-4bca-afa6-2725a9958330" providerId="ADAL" clId="{FF08786F-35DD-4FA5-91F3-FF8315EFC03A}" dt="2021-04-23T11:45:39.810" v="1148" actId="478"/>
            <ac:spMkLst>
              <pc:docMk/>
              <pc:sldMasterMk cId="4013363400" sldId="2147483662"/>
              <pc:sldLayoutMk cId="985400397" sldId="2147483671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4T06:56:02.070" v="869"/>
          <pc:sldLayoutMkLst>
            <pc:docMk/>
            <pc:sldMasterMk cId="4013363400" sldId="2147483662"/>
            <pc:sldLayoutMk cId="3345920740" sldId="2147483689"/>
          </pc:sldLayoutMkLst>
          <pc:spChg chg="del">
            <ac:chgData name="Jonas Bratseth" userId="7880613d-1198-4bca-afa6-2725a9958330" providerId="ADAL" clId="{FF08786F-35DD-4FA5-91F3-FF8315EFC03A}" dt="2021-04-14T06:56:00.133" v="867" actId="478"/>
            <ac:spMkLst>
              <pc:docMk/>
              <pc:sldMasterMk cId="4013363400" sldId="2147483662"/>
              <pc:sldLayoutMk cId="3345920740" sldId="2147483689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FF08786F-35DD-4FA5-91F3-FF8315EFC03A}" dt="2021-04-14T06:56:01.123" v="868" actId="478"/>
            <ac:spMkLst>
              <pc:docMk/>
              <pc:sldMasterMk cId="4013363400" sldId="2147483662"/>
              <pc:sldLayoutMk cId="3345920740" sldId="2147483689"/>
              <ac:spMk id="3" creationId="{8637D6E0-F061-4BBC-8DBC-562373D266A8}"/>
            </ac:spMkLst>
          </pc:spChg>
          <pc:spChg chg="add mod">
            <ac:chgData name="Jonas Bratseth" userId="7880613d-1198-4bca-afa6-2725a9958330" providerId="ADAL" clId="{FF08786F-35DD-4FA5-91F3-FF8315EFC03A}" dt="2021-04-14T06:56:02.070" v="869"/>
            <ac:spMkLst>
              <pc:docMk/>
              <pc:sldMasterMk cId="4013363400" sldId="2147483662"/>
              <pc:sldLayoutMk cId="3345920740" sldId="2147483689"/>
              <ac:spMk id="8" creationId="{E59E71D6-A296-45FF-BE39-C58F62C9ADDD}"/>
            </ac:spMkLst>
          </pc:spChg>
          <pc:spChg chg="add mod">
            <ac:chgData name="Jonas Bratseth" userId="7880613d-1198-4bca-afa6-2725a9958330" providerId="ADAL" clId="{FF08786F-35DD-4FA5-91F3-FF8315EFC03A}" dt="2021-04-14T06:56:02.070" v="869"/>
            <ac:spMkLst>
              <pc:docMk/>
              <pc:sldMasterMk cId="4013363400" sldId="2147483662"/>
              <pc:sldLayoutMk cId="3345920740" sldId="2147483689"/>
              <ac:spMk id="9" creationId="{FBCC5FB7-980F-4EEB-91C3-6E9E337ECE0B}"/>
            </ac:spMkLst>
          </pc:spChg>
          <pc:spChg chg="add mod">
            <ac:chgData name="Jonas Bratseth" userId="7880613d-1198-4bca-afa6-2725a9958330" providerId="ADAL" clId="{FF08786F-35DD-4FA5-91F3-FF8315EFC03A}" dt="2021-04-14T06:56:02.070" v="869"/>
            <ac:spMkLst>
              <pc:docMk/>
              <pc:sldMasterMk cId="4013363400" sldId="2147483662"/>
              <pc:sldLayoutMk cId="3345920740" sldId="2147483689"/>
              <ac:spMk id="10" creationId="{1D69B032-6E02-47D0-BA7F-1D887A285A3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10.888" v="1165" actId="167"/>
          <pc:sldLayoutMkLst>
            <pc:docMk/>
            <pc:sldMasterMk cId="4013363400" sldId="2147483662"/>
            <pc:sldLayoutMk cId="486590668" sldId="2147483693"/>
          </pc:sldLayoutMkLst>
          <pc:spChg chg="del">
            <ac:chgData name="Jonas Bratseth" userId="7880613d-1198-4bca-afa6-2725a9958330" providerId="ADAL" clId="{FF08786F-35DD-4FA5-91F3-FF8315EFC03A}" dt="2021-04-23T11:46:08.362" v="1163" actId="478"/>
            <ac:spMkLst>
              <pc:docMk/>
              <pc:sldMasterMk cId="4013363400" sldId="2147483662"/>
              <pc:sldLayoutMk cId="486590668" sldId="2147483693"/>
              <ac:spMk id="12" creationId="{47F12CFE-0C26-485F-80F4-13F403161141}"/>
            </ac:spMkLst>
          </pc:spChg>
          <pc:spChg chg="add mod ord">
            <ac:chgData name="Jonas Bratseth" userId="7880613d-1198-4bca-afa6-2725a9958330" providerId="ADAL" clId="{FF08786F-35DD-4FA5-91F3-FF8315EFC03A}" dt="2021-04-23T11:46:10.888" v="1165" actId="167"/>
            <ac:spMkLst>
              <pc:docMk/>
              <pc:sldMasterMk cId="4013363400" sldId="2147483662"/>
              <pc:sldLayoutMk cId="486590668" sldId="2147483693"/>
              <ac:spMk id="13" creationId="{E91243C8-094D-4661-BCD1-18F08E1D0EB4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59.288" v="1192" actId="167"/>
          <pc:sldLayoutMkLst>
            <pc:docMk/>
            <pc:sldMasterMk cId="4013363400" sldId="2147483662"/>
            <pc:sldLayoutMk cId="1642234893" sldId="2147483699"/>
          </pc:sldLayoutMkLst>
          <pc:spChg chg="mod">
            <ac:chgData name="Jonas Bratseth" userId="7880613d-1198-4bca-afa6-2725a9958330" providerId="ADAL" clId="{FF08786F-35DD-4FA5-91F3-FF8315EFC03A}" dt="2021-04-23T11:46:54.156" v="1188" actId="1076"/>
            <ac:spMkLst>
              <pc:docMk/>
              <pc:sldMasterMk cId="4013363400" sldId="2147483662"/>
              <pc:sldLayoutMk cId="1642234893" sldId="2147483699"/>
              <ac:spMk id="2" creationId="{9D8C0CC4-FF8D-4840-9F6A-DCCFD694CE44}"/>
            </ac:spMkLst>
          </pc:spChg>
          <pc:spChg chg="del">
            <ac:chgData name="Jonas Bratseth" userId="7880613d-1198-4bca-afa6-2725a9958330" providerId="ADAL" clId="{FF08786F-35DD-4FA5-91F3-FF8315EFC03A}" dt="2021-04-23T11:46:50.312" v="1184" actId="478"/>
            <ac:spMkLst>
              <pc:docMk/>
              <pc:sldMasterMk cId="4013363400" sldId="2147483662"/>
              <pc:sldLayoutMk cId="1642234893" sldId="2147483699"/>
              <ac:spMk id="4" creationId="{5511272A-7492-4B8C-A913-E3689317DDA0}"/>
            </ac:spMkLst>
          </pc:spChg>
          <pc:spChg chg="add del mod ord">
            <ac:chgData name="Jonas Bratseth" userId="7880613d-1198-4bca-afa6-2725a9958330" providerId="ADAL" clId="{FF08786F-35DD-4FA5-91F3-FF8315EFC03A}" dt="2021-04-23T11:46:59.288" v="1192" actId="167"/>
            <ac:spMkLst>
              <pc:docMk/>
              <pc:sldMasterMk cId="4013363400" sldId="2147483662"/>
              <pc:sldLayoutMk cId="1642234893" sldId="2147483699"/>
              <ac:spMk id="8" creationId="{79F137A5-05F5-4495-B701-182330FAFA39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14.840" v="1168" actId="167"/>
          <pc:sldLayoutMkLst>
            <pc:docMk/>
            <pc:sldMasterMk cId="4013363400" sldId="2147483662"/>
            <pc:sldLayoutMk cId="2432129226" sldId="2147483719"/>
          </pc:sldLayoutMkLst>
          <pc:spChg chg="add mod ord">
            <ac:chgData name="Jonas Bratseth" userId="7880613d-1198-4bca-afa6-2725a9958330" providerId="ADAL" clId="{FF08786F-35DD-4FA5-91F3-FF8315EFC03A}" dt="2021-04-23T11:46:14.840" v="1168" actId="167"/>
            <ac:spMkLst>
              <pc:docMk/>
              <pc:sldMasterMk cId="4013363400" sldId="2147483662"/>
              <pc:sldLayoutMk cId="2432129226" sldId="2147483719"/>
              <ac:spMk id="15" creationId="{4DB12D64-A689-4B60-90C3-B38151753D1E}"/>
            </ac:spMkLst>
          </pc:spChg>
          <pc:spChg chg="del">
            <ac:chgData name="Jonas Bratseth" userId="7880613d-1198-4bca-afa6-2725a9958330" providerId="ADAL" clId="{FF08786F-35DD-4FA5-91F3-FF8315EFC03A}" dt="2021-04-23T11:46:12.443" v="1166" actId="478"/>
            <ac:spMkLst>
              <pc:docMk/>
              <pc:sldMasterMk cId="4013363400" sldId="2147483662"/>
              <pc:sldLayoutMk cId="2432129226" sldId="2147483719"/>
              <ac:spMk id="18" creationId="{328975A5-8F66-4443-899F-ECAAB50FF85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20.866" v="1171" actId="167"/>
          <pc:sldLayoutMkLst>
            <pc:docMk/>
            <pc:sldMasterMk cId="4013363400" sldId="2147483662"/>
            <pc:sldLayoutMk cId="555026061" sldId="2147483720"/>
          </pc:sldLayoutMkLst>
          <pc:spChg chg="add mod ord">
            <ac:chgData name="Jonas Bratseth" userId="7880613d-1198-4bca-afa6-2725a9958330" providerId="ADAL" clId="{FF08786F-35DD-4FA5-91F3-FF8315EFC03A}" dt="2021-04-23T11:46:20.866" v="1171" actId="167"/>
            <ac:spMkLst>
              <pc:docMk/>
              <pc:sldMasterMk cId="4013363400" sldId="2147483662"/>
              <pc:sldLayoutMk cId="555026061" sldId="2147483720"/>
              <ac:spMk id="16" creationId="{1AF60F12-861B-46AE-AD59-6E077CD6FC5A}"/>
            </ac:spMkLst>
          </pc:spChg>
          <pc:spChg chg="del">
            <ac:chgData name="Jonas Bratseth" userId="7880613d-1198-4bca-afa6-2725a9958330" providerId="ADAL" clId="{FF08786F-35DD-4FA5-91F3-FF8315EFC03A}" dt="2021-04-23T11:46:18.316" v="1169" actId="478"/>
            <ac:spMkLst>
              <pc:docMk/>
              <pc:sldMasterMk cId="4013363400" sldId="2147483662"/>
              <pc:sldLayoutMk cId="555026061" sldId="2147483720"/>
              <ac:spMk id="20" creationId="{526315F1-9453-435E-AEA2-FA55B81D4DD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01.961" v="1159" actId="167"/>
          <pc:sldLayoutMkLst>
            <pc:docMk/>
            <pc:sldMasterMk cId="4013363400" sldId="2147483662"/>
            <pc:sldLayoutMk cId="2626950569" sldId="2147483733"/>
          </pc:sldLayoutMkLst>
          <pc:spChg chg="del">
            <ac:chgData name="Jonas Bratseth" userId="7880613d-1198-4bca-afa6-2725a9958330" providerId="ADAL" clId="{FF08786F-35DD-4FA5-91F3-FF8315EFC03A}" dt="2021-04-23T11:45:59.666" v="1157" actId="478"/>
            <ac:spMkLst>
              <pc:docMk/>
              <pc:sldMasterMk cId="4013363400" sldId="2147483662"/>
              <pc:sldLayoutMk cId="2626950569" sldId="2147483733"/>
              <ac:spMk id="6" creationId="{7644BE22-FE64-415A-82E1-57F426B630DE}"/>
            </ac:spMkLst>
          </pc:spChg>
          <pc:spChg chg="add mod ord">
            <ac:chgData name="Jonas Bratseth" userId="7880613d-1198-4bca-afa6-2725a9958330" providerId="ADAL" clId="{FF08786F-35DD-4FA5-91F3-FF8315EFC03A}" dt="2021-04-23T11:46:01.961" v="1159" actId="167"/>
            <ac:spMkLst>
              <pc:docMk/>
              <pc:sldMasterMk cId="4013363400" sldId="2147483662"/>
              <pc:sldLayoutMk cId="2626950569" sldId="2147483733"/>
              <ac:spMk id="10" creationId="{34BE0FA2-6731-490B-A8AE-529FD3A1287C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06.428" v="1162" actId="167"/>
          <pc:sldLayoutMkLst>
            <pc:docMk/>
            <pc:sldMasterMk cId="4013363400" sldId="2147483662"/>
            <pc:sldLayoutMk cId="734244194" sldId="2147483734"/>
          </pc:sldLayoutMkLst>
          <pc:spChg chg="del">
            <ac:chgData name="Jonas Bratseth" userId="7880613d-1198-4bca-afa6-2725a9958330" providerId="ADAL" clId="{FF08786F-35DD-4FA5-91F3-FF8315EFC03A}" dt="2021-04-23T11:46:04.089" v="1160" actId="478"/>
            <ac:spMkLst>
              <pc:docMk/>
              <pc:sldMasterMk cId="4013363400" sldId="2147483662"/>
              <pc:sldLayoutMk cId="734244194" sldId="2147483734"/>
              <ac:spMk id="10" creationId="{7C013883-E97D-43E6-B184-0B89BF36D874}"/>
            </ac:spMkLst>
          </pc:spChg>
          <pc:spChg chg="add mod ord">
            <ac:chgData name="Jonas Bratseth" userId="7880613d-1198-4bca-afa6-2725a9958330" providerId="ADAL" clId="{FF08786F-35DD-4FA5-91F3-FF8315EFC03A}" dt="2021-04-23T11:46:06.428" v="1162" actId="167"/>
            <ac:spMkLst>
              <pc:docMk/>
              <pc:sldMasterMk cId="4013363400" sldId="2147483662"/>
              <pc:sldLayoutMk cId="734244194" sldId="2147483734"/>
              <ac:spMk id="13" creationId="{43FC889A-B218-460E-BA8D-2E419FFE9EB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25.385" v="1174" actId="167"/>
          <pc:sldLayoutMkLst>
            <pc:docMk/>
            <pc:sldMasterMk cId="4013363400" sldId="2147483662"/>
            <pc:sldLayoutMk cId="2919048163" sldId="2147483735"/>
          </pc:sldLayoutMkLst>
          <pc:spChg chg="del">
            <ac:chgData name="Jonas Bratseth" userId="7880613d-1198-4bca-afa6-2725a9958330" providerId="ADAL" clId="{FF08786F-35DD-4FA5-91F3-FF8315EFC03A}" dt="2021-04-23T11:46:23.094" v="1172" actId="478"/>
            <ac:spMkLst>
              <pc:docMk/>
              <pc:sldMasterMk cId="4013363400" sldId="2147483662"/>
              <pc:sldLayoutMk cId="2919048163" sldId="2147483735"/>
              <ac:spMk id="8" creationId="{DA67FE83-5DC7-4783-8255-88F8A967B2A5}"/>
            </ac:spMkLst>
          </pc:spChg>
          <pc:spChg chg="add mod ord">
            <ac:chgData name="Jonas Bratseth" userId="7880613d-1198-4bca-afa6-2725a9958330" providerId="ADAL" clId="{FF08786F-35DD-4FA5-91F3-FF8315EFC03A}" dt="2021-04-23T11:46:25.385" v="1174" actId="167"/>
            <ac:spMkLst>
              <pc:docMk/>
              <pc:sldMasterMk cId="4013363400" sldId="2147483662"/>
              <pc:sldLayoutMk cId="2919048163" sldId="2147483735"/>
              <ac:spMk id="14" creationId="{1A4CE8CD-E824-4F9A-B438-8771D59AACEB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30.928" v="1177" actId="167"/>
          <pc:sldLayoutMkLst>
            <pc:docMk/>
            <pc:sldMasterMk cId="4013363400" sldId="2147483662"/>
            <pc:sldLayoutMk cId="2881194976" sldId="2147483736"/>
          </pc:sldLayoutMkLst>
          <pc:spChg chg="add mod ord">
            <ac:chgData name="Jonas Bratseth" userId="7880613d-1198-4bca-afa6-2725a9958330" providerId="ADAL" clId="{FF08786F-35DD-4FA5-91F3-FF8315EFC03A}" dt="2021-04-23T11:46:30.928" v="1177" actId="167"/>
            <ac:spMkLst>
              <pc:docMk/>
              <pc:sldMasterMk cId="4013363400" sldId="2147483662"/>
              <pc:sldLayoutMk cId="2881194976" sldId="2147483736"/>
              <ac:spMk id="14" creationId="{4E7909E5-F9C9-4D07-9C78-D75C7C372A36}"/>
            </ac:spMkLst>
          </pc:spChg>
          <pc:spChg chg="del">
            <ac:chgData name="Jonas Bratseth" userId="7880613d-1198-4bca-afa6-2725a9958330" providerId="ADAL" clId="{FF08786F-35DD-4FA5-91F3-FF8315EFC03A}" dt="2021-04-23T11:46:27.267" v="1175" actId="478"/>
            <ac:spMkLst>
              <pc:docMk/>
              <pc:sldMasterMk cId="4013363400" sldId="2147483662"/>
              <pc:sldLayoutMk cId="2881194976" sldId="2147483736"/>
              <ac:spMk id="18" creationId="{71F87A5E-1300-4E96-AF48-FE64EB03BE75}"/>
            </ac:spMkLst>
          </pc:spChg>
          <pc:spChg chg="mod">
            <ac:chgData name="Jonas Bratseth" userId="7880613d-1198-4bca-afa6-2725a9958330" providerId="ADAL" clId="{FF08786F-35DD-4FA5-91F3-FF8315EFC03A}" dt="2021-04-14T07:10:14.050" v="964"/>
            <ac:spMkLst>
              <pc:docMk/>
              <pc:sldMasterMk cId="4013363400" sldId="2147483662"/>
              <pc:sldLayoutMk cId="2881194976" sldId="2147483736"/>
              <ac:spMk id="25" creationId="{491A31F3-225A-4D87-ADDA-6E4F2B4414BC}"/>
            </ac:spMkLst>
          </pc:spChg>
          <pc:spChg chg="mod">
            <ac:chgData name="Jonas Bratseth" userId="7880613d-1198-4bca-afa6-2725a9958330" providerId="ADAL" clId="{FF08786F-35DD-4FA5-91F3-FF8315EFC03A}" dt="2021-04-14T07:10:14.050" v="968"/>
            <ac:spMkLst>
              <pc:docMk/>
              <pc:sldMasterMk cId="4013363400" sldId="2147483662"/>
              <pc:sldLayoutMk cId="2881194976" sldId="2147483736"/>
              <ac:spMk id="29" creationId="{39E9E977-CEA3-4EC6-B64B-8B752209210F}"/>
            </ac:spMkLst>
          </pc:spChg>
          <pc:spChg chg="mod">
            <ac:chgData name="Jonas Bratseth" userId="7880613d-1198-4bca-afa6-2725a9958330" providerId="ADAL" clId="{FF08786F-35DD-4FA5-91F3-FF8315EFC03A}" dt="2021-04-14T07:10:14.050" v="976"/>
            <ac:spMkLst>
              <pc:docMk/>
              <pc:sldMasterMk cId="4013363400" sldId="2147483662"/>
              <pc:sldLayoutMk cId="2881194976" sldId="2147483736"/>
              <ac:spMk id="31" creationId="{9A0707BB-1CE3-46AA-B7BC-5BE7AF8A6C7E}"/>
            </ac:spMkLst>
          </pc:spChg>
          <pc:spChg chg="del">
            <ac:chgData name="Jonas Bratseth" userId="7880613d-1198-4bca-afa6-2725a9958330" providerId="ADAL" clId="{FF08786F-35DD-4FA5-91F3-FF8315EFC03A}" dt="2021-04-14T07:10:08.886" v="960" actId="478"/>
            <ac:spMkLst>
              <pc:docMk/>
              <pc:sldMasterMk cId="4013363400" sldId="2147483662"/>
              <pc:sldLayoutMk cId="2881194976" sldId="2147483736"/>
              <ac:spMk id="32" creationId="{9499EFE1-8CBA-423F-8122-58E739F6751B}"/>
            </ac:spMkLst>
          </pc:spChg>
          <pc:spChg chg="del">
            <ac:chgData name="Jonas Bratseth" userId="7880613d-1198-4bca-afa6-2725a9958330" providerId="ADAL" clId="{FF08786F-35DD-4FA5-91F3-FF8315EFC03A}" dt="2021-04-14T07:10:08.886" v="960" actId="478"/>
            <ac:spMkLst>
              <pc:docMk/>
              <pc:sldMasterMk cId="4013363400" sldId="2147483662"/>
              <pc:sldLayoutMk cId="2881194976" sldId="2147483736"/>
              <ac:spMk id="34" creationId="{4663B884-1B37-4D3C-BA4C-6E4DFDC6B7E9}"/>
            </ac:spMkLst>
          </pc:spChg>
          <pc:spChg chg="mod">
            <ac:chgData name="Jonas Bratseth" userId="7880613d-1198-4bca-afa6-2725a9958330" providerId="ADAL" clId="{FF08786F-35DD-4FA5-91F3-FF8315EFC03A}" dt="2021-04-14T07:10:14.050" v="972"/>
            <ac:spMkLst>
              <pc:docMk/>
              <pc:sldMasterMk cId="4013363400" sldId="2147483662"/>
              <pc:sldLayoutMk cId="2881194976" sldId="2147483736"/>
              <ac:spMk id="35" creationId="{F561E615-F952-477F-8C9B-46657624D0D6}"/>
            </ac:spMkLst>
          </pc:spChg>
          <pc:spChg chg="del">
            <ac:chgData name="Jonas Bratseth" userId="7880613d-1198-4bca-afa6-2725a9958330" providerId="ADAL" clId="{FF08786F-35DD-4FA5-91F3-FF8315EFC03A}" dt="2021-04-14T07:10:08.886" v="960" actId="478"/>
            <ac:spMkLst>
              <pc:docMk/>
              <pc:sldMasterMk cId="4013363400" sldId="2147483662"/>
              <pc:sldLayoutMk cId="2881194976" sldId="2147483736"/>
              <ac:spMk id="36" creationId="{D5AEE4FD-CC8C-4092-AAA0-989B431A8483}"/>
            </ac:spMkLst>
          </pc:spChg>
          <pc:spChg chg="del">
            <ac:chgData name="Jonas Bratseth" userId="7880613d-1198-4bca-afa6-2725a9958330" providerId="ADAL" clId="{FF08786F-35DD-4FA5-91F3-FF8315EFC03A}" dt="2021-04-14T07:10:08.886" v="960" actId="478"/>
            <ac:spMkLst>
              <pc:docMk/>
              <pc:sldMasterMk cId="4013363400" sldId="2147483662"/>
              <pc:sldLayoutMk cId="2881194976" sldId="2147483736"/>
              <ac:spMk id="41" creationId="{D5EB240A-3766-4487-8B37-EF0F3B69118B}"/>
            </ac:spMkLst>
          </pc:spChg>
          <pc:spChg chg="del">
            <ac:chgData name="Jonas Bratseth" userId="7880613d-1198-4bca-afa6-2725a9958330" providerId="ADAL" clId="{FF08786F-35DD-4FA5-91F3-FF8315EFC03A}" dt="2021-04-14T07:10:08.886" v="960" actId="478"/>
            <ac:spMkLst>
              <pc:docMk/>
              <pc:sldMasterMk cId="4013363400" sldId="2147483662"/>
              <pc:sldLayoutMk cId="2881194976" sldId="2147483736"/>
              <ac:spMk id="42" creationId="{E7A50160-9C8F-4AEA-B2A9-645F2215554C}"/>
            </ac:spMkLst>
          </pc:spChg>
          <pc:cxnChg chg="del">
            <ac:chgData name="Jonas Bratseth" userId="7880613d-1198-4bca-afa6-2725a9958330" providerId="ADAL" clId="{FF08786F-35DD-4FA5-91F3-FF8315EFC03A}" dt="2021-04-14T07:10:08.886" v="960" actId="478"/>
            <ac:cxnSpMkLst>
              <pc:docMk/>
              <pc:sldMasterMk cId="4013363400" sldId="2147483662"/>
              <pc:sldLayoutMk cId="2881194976" sldId="2147483736"/>
              <ac:cxnSpMk id="46" creationId="{07D70D71-7D65-456F-8918-0D83F0B88E9C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23T11:46:39.388" v="1180" actId="167"/>
          <pc:sldLayoutMkLst>
            <pc:docMk/>
            <pc:sldMasterMk cId="4013363400" sldId="2147483662"/>
            <pc:sldLayoutMk cId="1160551681" sldId="2147483737"/>
          </pc:sldLayoutMkLst>
          <pc:spChg chg="add mod ord">
            <ac:chgData name="Jonas Bratseth" userId="7880613d-1198-4bca-afa6-2725a9958330" providerId="ADAL" clId="{FF08786F-35DD-4FA5-91F3-FF8315EFC03A}" dt="2021-04-23T11:46:39.388" v="1180" actId="167"/>
            <ac:spMkLst>
              <pc:docMk/>
              <pc:sldMasterMk cId="4013363400" sldId="2147483662"/>
              <pc:sldLayoutMk cId="1160551681" sldId="2147483737"/>
              <ac:spMk id="18" creationId="{7273C3C7-FBB3-4C0A-8AF6-851BF400EFCD}"/>
            </ac:spMkLst>
          </pc:spChg>
          <pc:spChg chg="del">
            <ac:chgData name="Jonas Bratseth" userId="7880613d-1198-4bca-afa6-2725a9958330" providerId="ADAL" clId="{FF08786F-35DD-4FA5-91F3-FF8315EFC03A}" dt="2021-04-23T11:46:36.759" v="1178" actId="478"/>
            <ac:spMkLst>
              <pc:docMk/>
              <pc:sldMasterMk cId="4013363400" sldId="2147483662"/>
              <pc:sldLayoutMk cId="1160551681" sldId="2147483737"/>
              <ac:spMk id="20" creationId="{AC1B5946-BFD6-40B1-A104-411E61CBC47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6:47.858" v="1183" actId="167"/>
          <pc:sldLayoutMkLst>
            <pc:docMk/>
            <pc:sldMasterMk cId="4013363400" sldId="2147483662"/>
            <pc:sldLayoutMk cId="1706262171" sldId="2147483786"/>
          </pc:sldLayoutMkLst>
          <pc:spChg chg="del mod">
            <ac:chgData name="Jonas Bratseth" userId="7880613d-1198-4bca-afa6-2725a9958330" providerId="ADAL" clId="{FF08786F-35DD-4FA5-91F3-FF8315EFC03A}" dt="2021-04-23T11:46:45.483" v="1181" actId="478"/>
            <ac:spMkLst>
              <pc:docMk/>
              <pc:sldMasterMk cId="4013363400" sldId="2147483662"/>
              <pc:sldLayoutMk cId="1706262171" sldId="2147483786"/>
              <ac:spMk id="12" creationId="{98D9657F-90AA-40C4-9DD7-37C9539F7ACD}"/>
            </ac:spMkLst>
          </pc:spChg>
          <pc:spChg chg="add mod ord">
            <ac:chgData name="Jonas Bratseth" userId="7880613d-1198-4bca-afa6-2725a9958330" providerId="ADAL" clId="{FF08786F-35DD-4FA5-91F3-FF8315EFC03A}" dt="2021-04-23T11:46:47.858" v="1183" actId="167"/>
            <ac:spMkLst>
              <pc:docMk/>
              <pc:sldMasterMk cId="4013363400" sldId="2147483662"/>
              <pc:sldLayoutMk cId="1706262171" sldId="2147483786"/>
              <ac:spMk id="15" creationId="{B6313F33-014B-48C2-AF77-EABE3C6C0B91}"/>
            </ac:spMkLst>
          </pc:spChg>
        </pc:sldLayoutChg>
      </pc:sldMasterChg>
      <pc:sldMasterChg chg="modSp modSldLayout">
        <pc:chgData name="Jonas Bratseth" userId="7880613d-1198-4bca-afa6-2725a9958330" providerId="ADAL" clId="{FF08786F-35DD-4FA5-91F3-FF8315EFC03A}" dt="2021-04-26T06:11:09.839" v="1293" actId="167"/>
        <pc:sldMasterMkLst>
          <pc:docMk/>
          <pc:sldMasterMk cId="1571303548" sldId="2147483672"/>
        </pc:sldMasterMkLst>
        <pc:spChg chg="mod">
          <ac:chgData name="Jonas Bratseth" userId="7880613d-1198-4bca-afa6-2725a9958330" providerId="ADAL" clId="{FF08786F-35DD-4FA5-91F3-FF8315EFC03A}" dt="2021-04-14T07:06:30.682" v="912" actId="12"/>
          <ac:spMkLst>
            <pc:docMk/>
            <pc:sldMasterMk cId="1571303548" sldId="2147483672"/>
            <ac:spMk id="8" creationId="{674E4E07-17EE-44AB-A23B-DF246D6AC8BF}"/>
          </ac:spMkLst>
        </pc:spChg>
        <pc:sldLayoutChg chg="addSp delSp modSp mod">
          <pc:chgData name="Jonas Bratseth" userId="7880613d-1198-4bca-afa6-2725a9958330" providerId="ADAL" clId="{FF08786F-35DD-4FA5-91F3-FF8315EFC03A}" dt="2021-04-23T11:40:11.941" v="1059" actId="478"/>
          <pc:sldLayoutMkLst>
            <pc:docMk/>
            <pc:sldMasterMk cId="1571303548" sldId="2147483672"/>
            <pc:sldLayoutMk cId="1587017909" sldId="2147483673"/>
          </pc:sldLayoutMkLst>
          <pc:spChg chg="add del mod">
            <ac:chgData name="Jonas Bratseth" userId="7880613d-1198-4bca-afa6-2725a9958330" providerId="ADAL" clId="{FF08786F-35DD-4FA5-91F3-FF8315EFC03A}" dt="2021-04-23T11:40:11.941" v="1059" actId="478"/>
            <ac:spMkLst>
              <pc:docMk/>
              <pc:sldMasterMk cId="1571303548" sldId="2147483672"/>
              <pc:sldLayoutMk cId="1587017909" sldId="2147483673"/>
              <ac:spMk id="12" creationId="{6BEB7DFB-8F08-4AB2-87D3-20F603F5BCB9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18.050" v="1220" actId="167"/>
          <pc:sldLayoutMkLst>
            <pc:docMk/>
            <pc:sldMasterMk cId="1571303548" sldId="2147483672"/>
            <pc:sldLayoutMk cId="2395835348" sldId="2147483676"/>
          </pc:sldLayoutMkLst>
          <pc:spChg chg="add del mod ord">
            <ac:chgData name="Jonas Bratseth" userId="7880613d-1198-4bca-afa6-2725a9958330" providerId="ADAL" clId="{FF08786F-35DD-4FA5-91F3-FF8315EFC03A}" dt="2021-04-23T11:48:15.017" v="1218" actId="478"/>
            <ac:spMkLst>
              <pc:docMk/>
              <pc:sldMasterMk cId="1571303548" sldId="2147483672"/>
              <pc:sldLayoutMk cId="2395835348" sldId="2147483676"/>
              <ac:spMk id="7" creationId="{4ADF77C2-E050-43CD-9E7D-DED11E8F0C00}"/>
            </ac:spMkLst>
          </pc:spChg>
          <pc:spChg chg="add mod ord">
            <ac:chgData name="Jonas Bratseth" userId="7880613d-1198-4bca-afa6-2725a9958330" providerId="ADAL" clId="{FF08786F-35DD-4FA5-91F3-FF8315EFC03A}" dt="2021-04-23T11:48:18.050" v="1220" actId="167"/>
            <ac:spMkLst>
              <pc:docMk/>
              <pc:sldMasterMk cId="1571303548" sldId="2147483672"/>
              <pc:sldLayoutMk cId="2395835348" sldId="2147483676"/>
              <ac:spMk id="8" creationId="{1563B9D7-E2D5-4EF8-A805-82E777AA0ACF}"/>
            </ac:spMkLst>
          </pc:spChg>
          <pc:spChg chg="del">
            <ac:chgData name="Jonas Bratseth" userId="7880613d-1198-4bca-afa6-2725a9958330" providerId="ADAL" clId="{FF08786F-35DD-4FA5-91F3-FF8315EFC03A}" dt="2021-04-23T11:47:12.741" v="1193" actId="478"/>
            <ac:spMkLst>
              <pc:docMk/>
              <pc:sldMasterMk cId="1571303548" sldId="2147483672"/>
              <pc:sldLayoutMk cId="2395835348" sldId="2147483676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6T06:11:09.839" v="1293" actId="167"/>
          <pc:sldLayoutMkLst>
            <pc:docMk/>
            <pc:sldMasterMk cId="1571303548" sldId="2147483672"/>
            <pc:sldLayoutMk cId="82399762" sldId="2147483677"/>
          </pc:sldLayoutMkLst>
          <pc:spChg chg="add del mod ord">
            <ac:chgData name="Jonas Bratseth" userId="7880613d-1198-4bca-afa6-2725a9958330" providerId="ADAL" clId="{FF08786F-35DD-4FA5-91F3-FF8315EFC03A}" dt="2021-04-26T06:10:58.247" v="1291" actId="478"/>
            <ac:spMkLst>
              <pc:docMk/>
              <pc:sldMasterMk cId="1571303548" sldId="2147483672"/>
              <pc:sldLayoutMk cId="82399762" sldId="2147483677"/>
              <ac:spMk id="8" creationId="{452F7860-E0B3-420B-940C-FDB4E5C972DC}"/>
            </ac:spMkLst>
          </pc:spChg>
          <pc:spChg chg="add mod ord">
            <ac:chgData name="Jonas Bratseth" userId="7880613d-1198-4bca-afa6-2725a9958330" providerId="ADAL" clId="{FF08786F-35DD-4FA5-91F3-FF8315EFC03A}" dt="2021-04-26T06:11:09.839" v="1293" actId="167"/>
            <ac:spMkLst>
              <pc:docMk/>
              <pc:sldMasterMk cId="1571303548" sldId="2147483672"/>
              <pc:sldLayoutMk cId="82399762" sldId="2147483677"/>
              <ac:spMk id="10" creationId="{A80C2787-E344-4FFD-8E3C-CFF5DB5A4D87}"/>
            </ac:spMkLst>
          </pc:spChg>
          <pc:spChg chg="del mod">
            <ac:chgData name="Jonas Bratseth" userId="7880613d-1198-4bca-afa6-2725a9958330" providerId="ADAL" clId="{FF08786F-35DD-4FA5-91F3-FF8315EFC03A}" dt="2021-04-23T11:48:06.691" v="1216" actId="478"/>
            <ac:spMkLst>
              <pc:docMk/>
              <pc:sldMasterMk cId="1571303548" sldId="2147483672"/>
              <pc:sldLayoutMk cId="82399762" sldId="2147483677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35.813" v="1229" actId="167"/>
          <pc:sldLayoutMkLst>
            <pc:docMk/>
            <pc:sldMasterMk cId="1571303548" sldId="2147483672"/>
            <pc:sldLayoutMk cId="2486948816" sldId="2147483694"/>
          </pc:sldLayoutMkLst>
          <pc:spChg chg="add mod ord">
            <ac:chgData name="Jonas Bratseth" userId="7880613d-1198-4bca-afa6-2725a9958330" providerId="ADAL" clId="{FF08786F-35DD-4FA5-91F3-FF8315EFC03A}" dt="2021-04-23T11:48:35.813" v="1229" actId="167"/>
            <ac:spMkLst>
              <pc:docMk/>
              <pc:sldMasterMk cId="1571303548" sldId="2147483672"/>
              <pc:sldLayoutMk cId="2486948816" sldId="2147483694"/>
              <ac:spMk id="13" creationId="{D9705DC9-F24C-47F5-AF78-A4A2B830F9ED}"/>
            </ac:spMkLst>
          </pc:spChg>
          <pc:spChg chg="del">
            <ac:chgData name="Jonas Bratseth" userId="7880613d-1198-4bca-afa6-2725a9958330" providerId="ADAL" clId="{FF08786F-35DD-4FA5-91F3-FF8315EFC03A}" dt="2021-04-23T11:48:33.485" v="1227" actId="478"/>
            <ac:spMkLst>
              <pc:docMk/>
              <pc:sldMasterMk cId="1571303548" sldId="2147483672"/>
              <pc:sldLayoutMk cId="2486948816" sldId="2147483694"/>
              <ac:spMk id="16" creationId="{4A600D75-6317-4D2B-9980-97CEBE72C2D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9:13.670" v="1250" actId="167"/>
          <pc:sldLayoutMkLst>
            <pc:docMk/>
            <pc:sldMasterMk cId="1571303548" sldId="2147483672"/>
            <pc:sldLayoutMk cId="1706378664" sldId="2147483701"/>
          </pc:sldLayoutMkLst>
          <pc:spChg chg="del">
            <ac:chgData name="Jonas Bratseth" userId="7880613d-1198-4bca-afa6-2725a9958330" providerId="ADAL" clId="{FF08786F-35DD-4FA5-91F3-FF8315EFC03A}" dt="2021-04-23T11:49:11.001" v="1248" actId="478"/>
            <ac:spMkLst>
              <pc:docMk/>
              <pc:sldMasterMk cId="1571303548" sldId="2147483672"/>
              <pc:sldLayoutMk cId="1706378664" sldId="2147483701"/>
              <ac:spMk id="4" creationId="{77907909-D36A-43B9-988D-F0C503689D49}"/>
            </ac:spMkLst>
          </pc:spChg>
          <pc:spChg chg="add mod ord">
            <ac:chgData name="Jonas Bratseth" userId="7880613d-1198-4bca-afa6-2725a9958330" providerId="ADAL" clId="{FF08786F-35DD-4FA5-91F3-FF8315EFC03A}" dt="2021-04-23T11:49:13.670" v="1250" actId="167"/>
            <ac:spMkLst>
              <pc:docMk/>
              <pc:sldMasterMk cId="1571303548" sldId="2147483672"/>
              <pc:sldLayoutMk cId="1706378664" sldId="2147483701"/>
              <ac:spMk id="8" creationId="{BA9D6265-6AC9-4D3E-A728-0EB4D2DB769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39.677" v="1232" actId="167"/>
          <pc:sldLayoutMkLst>
            <pc:docMk/>
            <pc:sldMasterMk cId="1571303548" sldId="2147483672"/>
            <pc:sldLayoutMk cId="2129478693" sldId="2147483724"/>
          </pc:sldLayoutMkLst>
          <pc:spChg chg="add mod ord">
            <ac:chgData name="Jonas Bratseth" userId="7880613d-1198-4bca-afa6-2725a9958330" providerId="ADAL" clId="{FF08786F-35DD-4FA5-91F3-FF8315EFC03A}" dt="2021-04-23T11:48:39.677" v="1232" actId="167"/>
            <ac:spMkLst>
              <pc:docMk/>
              <pc:sldMasterMk cId="1571303548" sldId="2147483672"/>
              <pc:sldLayoutMk cId="2129478693" sldId="2147483724"/>
              <ac:spMk id="15" creationId="{E0DF8A73-4CDA-4FFD-B8F2-615BBD39F75E}"/>
            </ac:spMkLst>
          </pc:spChg>
          <pc:spChg chg="del">
            <ac:chgData name="Jonas Bratseth" userId="7880613d-1198-4bca-afa6-2725a9958330" providerId="ADAL" clId="{FF08786F-35DD-4FA5-91F3-FF8315EFC03A}" dt="2021-04-23T11:48:37.728" v="1230" actId="478"/>
            <ac:spMkLst>
              <pc:docMk/>
              <pc:sldMasterMk cId="1571303548" sldId="2147483672"/>
              <pc:sldLayoutMk cId="2129478693" sldId="2147483724"/>
              <ac:spMk id="18" creationId="{328975A5-8F66-4443-899F-ECAAB50FF85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44.168" v="1235" actId="167"/>
          <pc:sldLayoutMkLst>
            <pc:docMk/>
            <pc:sldMasterMk cId="1571303548" sldId="2147483672"/>
            <pc:sldLayoutMk cId="1061812311" sldId="2147483725"/>
          </pc:sldLayoutMkLst>
          <pc:spChg chg="add mod ord">
            <ac:chgData name="Jonas Bratseth" userId="7880613d-1198-4bca-afa6-2725a9958330" providerId="ADAL" clId="{FF08786F-35DD-4FA5-91F3-FF8315EFC03A}" dt="2021-04-23T11:48:44.168" v="1235" actId="167"/>
            <ac:spMkLst>
              <pc:docMk/>
              <pc:sldMasterMk cId="1571303548" sldId="2147483672"/>
              <pc:sldLayoutMk cId="1061812311" sldId="2147483725"/>
              <ac:spMk id="16" creationId="{DADAD05F-A24D-44A2-9A5C-C155B948CC83}"/>
            </ac:spMkLst>
          </pc:spChg>
          <pc:spChg chg="del">
            <ac:chgData name="Jonas Bratseth" userId="7880613d-1198-4bca-afa6-2725a9958330" providerId="ADAL" clId="{FF08786F-35DD-4FA5-91F3-FF8315EFC03A}" dt="2021-04-23T11:48:42.103" v="1233" actId="478"/>
            <ac:spMkLst>
              <pc:docMk/>
              <pc:sldMasterMk cId="1571303548" sldId="2147483672"/>
              <pc:sldLayoutMk cId="1061812311" sldId="2147483725"/>
              <ac:spMk id="20" creationId="{526315F1-9453-435E-AEA2-FA55B81D4DD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24.622" v="1223" actId="167"/>
          <pc:sldLayoutMkLst>
            <pc:docMk/>
            <pc:sldMasterMk cId="1571303548" sldId="2147483672"/>
            <pc:sldLayoutMk cId="3897780765" sldId="2147483738"/>
          </pc:sldLayoutMkLst>
          <pc:spChg chg="del">
            <ac:chgData name="Jonas Bratseth" userId="7880613d-1198-4bca-afa6-2725a9958330" providerId="ADAL" clId="{FF08786F-35DD-4FA5-91F3-FF8315EFC03A}" dt="2021-04-23T11:48:22.234" v="1221" actId="478"/>
            <ac:spMkLst>
              <pc:docMk/>
              <pc:sldMasterMk cId="1571303548" sldId="2147483672"/>
              <pc:sldLayoutMk cId="3897780765" sldId="2147483738"/>
              <ac:spMk id="6" creationId="{7644BE22-FE64-415A-82E1-57F426B630DE}"/>
            </ac:spMkLst>
          </pc:spChg>
          <pc:spChg chg="add mod ord">
            <ac:chgData name="Jonas Bratseth" userId="7880613d-1198-4bca-afa6-2725a9958330" providerId="ADAL" clId="{FF08786F-35DD-4FA5-91F3-FF8315EFC03A}" dt="2021-04-23T11:48:24.622" v="1223" actId="167"/>
            <ac:spMkLst>
              <pc:docMk/>
              <pc:sldMasterMk cId="1571303548" sldId="2147483672"/>
              <pc:sldLayoutMk cId="3897780765" sldId="2147483738"/>
              <ac:spMk id="10" creationId="{7D41370C-E589-4668-846B-AACA35D2E09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29.727" v="1226" actId="167"/>
          <pc:sldLayoutMkLst>
            <pc:docMk/>
            <pc:sldMasterMk cId="1571303548" sldId="2147483672"/>
            <pc:sldLayoutMk cId="1343069216" sldId="2147483739"/>
          </pc:sldLayoutMkLst>
          <pc:spChg chg="del">
            <ac:chgData name="Jonas Bratseth" userId="7880613d-1198-4bca-afa6-2725a9958330" providerId="ADAL" clId="{FF08786F-35DD-4FA5-91F3-FF8315EFC03A}" dt="2021-04-23T11:48:27.181" v="1224" actId="478"/>
            <ac:spMkLst>
              <pc:docMk/>
              <pc:sldMasterMk cId="1571303548" sldId="2147483672"/>
              <pc:sldLayoutMk cId="1343069216" sldId="2147483739"/>
              <ac:spMk id="10" creationId="{7C013883-E97D-43E6-B184-0B89BF36D874}"/>
            </ac:spMkLst>
          </pc:spChg>
          <pc:spChg chg="add mod ord">
            <ac:chgData name="Jonas Bratseth" userId="7880613d-1198-4bca-afa6-2725a9958330" providerId="ADAL" clId="{FF08786F-35DD-4FA5-91F3-FF8315EFC03A}" dt="2021-04-23T11:48:29.727" v="1226" actId="167"/>
            <ac:spMkLst>
              <pc:docMk/>
              <pc:sldMasterMk cId="1571303548" sldId="2147483672"/>
              <pc:sldLayoutMk cId="1343069216" sldId="2147483739"/>
              <ac:spMk id="13" creationId="{81F69D9F-35F2-4ACE-B644-BC3EC1B4882C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50.486" v="1238" actId="167"/>
          <pc:sldLayoutMkLst>
            <pc:docMk/>
            <pc:sldMasterMk cId="1571303548" sldId="2147483672"/>
            <pc:sldLayoutMk cId="908257773" sldId="2147483740"/>
          </pc:sldLayoutMkLst>
          <pc:spChg chg="del">
            <ac:chgData name="Jonas Bratseth" userId="7880613d-1198-4bca-afa6-2725a9958330" providerId="ADAL" clId="{FF08786F-35DD-4FA5-91F3-FF8315EFC03A}" dt="2021-04-23T11:48:47.919" v="1236" actId="478"/>
            <ac:spMkLst>
              <pc:docMk/>
              <pc:sldMasterMk cId="1571303548" sldId="2147483672"/>
              <pc:sldLayoutMk cId="908257773" sldId="2147483740"/>
              <ac:spMk id="8" creationId="{DA67FE83-5DC7-4783-8255-88F8A967B2A5}"/>
            </ac:spMkLst>
          </pc:spChg>
          <pc:spChg chg="add mod ord">
            <ac:chgData name="Jonas Bratseth" userId="7880613d-1198-4bca-afa6-2725a9958330" providerId="ADAL" clId="{FF08786F-35DD-4FA5-91F3-FF8315EFC03A}" dt="2021-04-23T11:48:50.486" v="1238" actId="167"/>
            <ac:spMkLst>
              <pc:docMk/>
              <pc:sldMasterMk cId="1571303548" sldId="2147483672"/>
              <pc:sldLayoutMk cId="908257773" sldId="2147483740"/>
              <ac:spMk id="14" creationId="{58654762-955C-4ABD-9BF2-B17327BFCD0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8:55.202" v="1241" actId="167"/>
          <pc:sldLayoutMkLst>
            <pc:docMk/>
            <pc:sldMasterMk cId="1571303548" sldId="2147483672"/>
            <pc:sldLayoutMk cId="3162365967" sldId="2147483741"/>
          </pc:sldLayoutMkLst>
          <pc:spChg chg="add mod ord">
            <ac:chgData name="Jonas Bratseth" userId="7880613d-1198-4bca-afa6-2725a9958330" providerId="ADAL" clId="{FF08786F-35DD-4FA5-91F3-FF8315EFC03A}" dt="2021-04-23T11:48:55.202" v="1241" actId="167"/>
            <ac:spMkLst>
              <pc:docMk/>
              <pc:sldMasterMk cId="1571303548" sldId="2147483672"/>
              <pc:sldLayoutMk cId="3162365967" sldId="2147483741"/>
              <ac:spMk id="14" creationId="{53962625-4800-497B-B1DD-9317DEF669C0}"/>
            </ac:spMkLst>
          </pc:spChg>
          <pc:spChg chg="del">
            <ac:chgData name="Jonas Bratseth" userId="7880613d-1198-4bca-afa6-2725a9958330" providerId="ADAL" clId="{FF08786F-35DD-4FA5-91F3-FF8315EFC03A}" dt="2021-04-23T11:48:53.281" v="1239" actId="478"/>
            <ac:spMkLst>
              <pc:docMk/>
              <pc:sldMasterMk cId="1571303548" sldId="2147483672"/>
              <pc:sldLayoutMk cId="3162365967" sldId="2147483741"/>
              <ac:spMk id="18" creationId="{71F87A5E-1300-4E96-AF48-FE64EB03BE75}"/>
            </ac:spMkLst>
          </pc:spChg>
          <pc:spChg chg="mod">
            <ac:chgData name="Jonas Bratseth" userId="7880613d-1198-4bca-afa6-2725a9958330" providerId="ADAL" clId="{FF08786F-35DD-4FA5-91F3-FF8315EFC03A}" dt="2021-04-14T07:06:09.028" v="904"/>
            <ac:spMkLst>
              <pc:docMk/>
              <pc:sldMasterMk cId="1571303548" sldId="2147483672"/>
              <pc:sldLayoutMk cId="3162365967" sldId="2147483741"/>
              <ac:spMk id="25" creationId="{432BA7E2-390F-4CFC-857B-3CCEA4DBE8E0}"/>
            </ac:spMkLst>
          </pc:spChg>
          <pc:spChg chg="mod">
            <ac:chgData name="Jonas Bratseth" userId="7880613d-1198-4bca-afa6-2725a9958330" providerId="ADAL" clId="{FF08786F-35DD-4FA5-91F3-FF8315EFC03A}" dt="2021-04-14T07:06:11.906" v="906"/>
            <ac:spMkLst>
              <pc:docMk/>
              <pc:sldMasterMk cId="1571303548" sldId="2147483672"/>
              <pc:sldLayoutMk cId="3162365967" sldId="2147483741"/>
              <ac:spMk id="29" creationId="{B7861BBB-75C1-4216-9A2F-BE6903C3D39B}"/>
            </ac:spMkLst>
          </pc:spChg>
          <pc:spChg chg="mod">
            <ac:chgData name="Jonas Bratseth" userId="7880613d-1198-4bca-afa6-2725a9958330" providerId="ADAL" clId="{FF08786F-35DD-4FA5-91F3-FF8315EFC03A}" dt="2021-04-14T07:06:11.906" v="908"/>
            <ac:spMkLst>
              <pc:docMk/>
              <pc:sldMasterMk cId="1571303548" sldId="2147483672"/>
              <pc:sldLayoutMk cId="3162365967" sldId="2147483741"/>
              <ac:spMk id="31" creationId="{E3C53F12-D83F-46B0-8106-A01E198BFB3E}"/>
            </ac:spMkLst>
          </pc:spChg>
          <pc:spChg chg="del">
            <ac:chgData name="Jonas Bratseth" userId="7880613d-1198-4bca-afa6-2725a9958330" providerId="ADAL" clId="{FF08786F-35DD-4FA5-91F3-FF8315EFC03A}" dt="2021-04-14T07:06:04.721" v="900" actId="478"/>
            <ac:spMkLst>
              <pc:docMk/>
              <pc:sldMasterMk cId="1571303548" sldId="2147483672"/>
              <pc:sldLayoutMk cId="3162365967" sldId="2147483741"/>
              <ac:spMk id="32" creationId="{9499EFE1-8CBA-423F-8122-58E739F6751B}"/>
            </ac:spMkLst>
          </pc:spChg>
          <pc:spChg chg="del">
            <ac:chgData name="Jonas Bratseth" userId="7880613d-1198-4bca-afa6-2725a9958330" providerId="ADAL" clId="{FF08786F-35DD-4FA5-91F3-FF8315EFC03A}" dt="2021-04-14T07:06:04.721" v="900" actId="478"/>
            <ac:spMkLst>
              <pc:docMk/>
              <pc:sldMasterMk cId="1571303548" sldId="2147483672"/>
              <pc:sldLayoutMk cId="3162365967" sldId="2147483741"/>
              <ac:spMk id="34" creationId="{4663B884-1B37-4D3C-BA4C-6E4DFDC6B7E9}"/>
            </ac:spMkLst>
          </pc:spChg>
          <pc:spChg chg="mod">
            <ac:chgData name="Jonas Bratseth" userId="7880613d-1198-4bca-afa6-2725a9958330" providerId="ADAL" clId="{FF08786F-35DD-4FA5-91F3-FF8315EFC03A}" dt="2021-04-14T07:06:11.907" v="910"/>
            <ac:spMkLst>
              <pc:docMk/>
              <pc:sldMasterMk cId="1571303548" sldId="2147483672"/>
              <pc:sldLayoutMk cId="3162365967" sldId="2147483741"/>
              <ac:spMk id="35" creationId="{752577FB-CDA8-4598-A000-21C8C2535458}"/>
            </ac:spMkLst>
          </pc:spChg>
          <pc:spChg chg="del">
            <ac:chgData name="Jonas Bratseth" userId="7880613d-1198-4bca-afa6-2725a9958330" providerId="ADAL" clId="{FF08786F-35DD-4FA5-91F3-FF8315EFC03A}" dt="2021-04-14T07:06:04.721" v="900" actId="478"/>
            <ac:spMkLst>
              <pc:docMk/>
              <pc:sldMasterMk cId="1571303548" sldId="2147483672"/>
              <pc:sldLayoutMk cId="3162365967" sldId="2147483741"/>
              <ac:spMk id="36" creationId="{D5AEE4FD-CC8C-4092-AAA0-989B431A8483}"/>
            </ac:spMkLst>
          </pc:spChg>
          <pc:spChg chg="del">
            <ac:chgData name="Jonas Bratseth" userId="7880613d-1198-4bca-afa6-2725a9958330" providerId="ADAL" clId="{FF08786F-35DD-4FA5-91F3-FF8315EFC03A}" dt="2021-04-14T07:06:04.721" v="900" actId="478"/>
            <ac:spMkLst>
              <pc:docMk/>
              <pc:sldMasterMk cId="1571303548" sldId="2147483672"/>
              <pc:sldLayoutMk cId="3162365967" sldId="2147483741"/>
              <ac:spMk id="41" creationId="{D5EB240A-3766-4487-8B37-EF0F3B69118B}"/>
            </ac:spMkLst>
          </pc:spChg>
          <pc:spChg chg="del">
            <ac:chgData name="Jonas Bratseth" userId="7880613d-1198-4bca-afa6-2725a9958330" providerId="ADAL" clId="{FF08786F-35DD-4FA5-91F3-FF8315EFC03A}" dt="2021-04-14T07:06:04.721" v="900" actId="478"/>
            <ac:spMkLst>
              <pc:docMk/>
              <pc:sldMasterMk cId="1571303548" sldId="2147483672"/>
              <pc:sldLayoutMk cId="3162365967" sldId="2147483741"/>
              <ac:spMk id="42" creationId="{E7A50160-9C8F-4AEA-B2A9-645F2215554C}"/>
            </ac:spMkLst>
          </pc:spChg>
          <pc:cxnChg chg="del">
            <ac:chgData name="Jonas Bratseth" userId="7880613d-1198-4bca-afa6-2725a9958330" providerId="ADAL" clId="{FF08786F-35DD-4FA5-91F3-FF8315EFC03A}" dt="2021-04-14T07:06:04.721" v="900" actId="478"/>
            <ac:cxnSpMkLst>
              <pc:docMk/>
              <pc:sldMasterMk cId="1571303548" sldId="2147483672"/>
              <pc:sldLayoutMk cId="3162365967" sldId="2147483741"/>
              <ac:cxnSpMk id="46" creationId="{07D70D71-7D65-456F-8918-0D83F0B88E9C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23T11:48:59.337" v="1244" actId="167"/>
          <pc:sldLayoutMkLst>
            <pc:docMk/>
            <pc:sldMasterMk cId="1571303548" sldId="2147483672"/>
            <pc:sldLayoutMk cId="275918460" sldId="2147483742"/>
          </pc:sldLayoutMkLst>
          <pc:spChg chg="add mod ord">
            <ac:chgData name="Jonas Bratseth" userId="7880613d-1198-4bca-afa6-2725a9958330" providerId="ADAL" clId="{FF08786F-35DD-4FA5-91F3-FF8315EFC03A}" dt="2021-04-23T11:48:59.337" v="1244" actId="167"/>
            <ac:spMkLst>
              <pc:docMk/>
              <pc:sldMasterMk cId="1571303548" sldId="2147483672"/>
              <pc:sldLayoutMk cId="275918460" sldId="2147483742"/>
              <ac:spMk id="18" creationId="{5CF7FF69-CA9E-4BD9-80AF-99F9F21A1438}"/>
            </ac:spMkLst>
          </pc:spChg>
          <pc:spChg chg="del">
            <ac:chgData name="Jonas Bratseth" userId="7880613d-1198-4bca-afa6-2725a9958330" providerId="ADAL" clId="{FF08786F-35DD-4FA5-91F3-FF8315EFC03A}" dt="2021-04-23T11:48:56.951" v="1242" actId="478"/>
            <ac:spMkLst>
              <pc:docMk/>
              <pc:sldMasterMk cId="1571303548" sldId="2147483672"/>
              <pc:sldLayoutMk cId="275918460" sldId="2147483742"/>
              <ac:spMk id="20" creationId="{AC1B5946-BFD6-40B1-A104-411E61CBC47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9:08.314" v="1247" actId="167"/>
          <pc:sldLayoutMkLst>
            <pc:docMk/>
            <pc:sldMasterMk cId="1571303548" sldId="2147483672"/>
            <pc:sldLayoutMk cId="1237505033" sldId="2147483787"/>
          </pc:sldLayoutMkLst>
          <pc:spChg chg="del mod">
            <ac:chgData name="Jonas Bratseth" userId="7880613d-1198-4bca-afa6-2725a9958330" providerId="ADAL" clId="{FF08786F-35DD-4FA5-91F3-FF8315EFC03A}" dt="2021-04-23T11:49:05.281" v="1245" actId="478"/>
            <ac:spMkLst>
              <pc:docMk/>
              <pc:sldMasterMk cId="1571303548" sldId="2147483672"/>
              <pc:sldLayoutMk cId="1237505033" sldId="2147483787"/>
              <ac:spMk id="12" creationId="{98D9657F-90AA-40C4-9DD7-37C9539F7ACD}"/>
            </ac:spMkLst>
          </pc:spChg>
          <pc:spChg chg="add mod ord">
            <ac:chgData name="Jonas Bratseth" userId="7880613d-1198-4bca-afa6-2725a9958330" providerId="ADAL" clId="{FF08786F-35DD-4FA5-91F3-FF8315EFC03A}" dt="2021-04-23T11:49:08.314" v="1247" actId="167"/>
            <ac:spMkLst>
              <pc:docMk/>
              <pc:sldMasterMk cId="1571303548" sldId="2147483672"/>
              <pc:sldLayoutMk cId="1237505033" sldId="2147483787"/>
              <ac:spMk id="15" creationId="{408B9F34-CA18-491B-8812-2410665F78AF}"/>
            </ac:spMkLst>
          </pc:spChg>
        </pc:sldLayoutChg>
      </pc:sldMasterChg>
      <pc:sldMasterChg chg="modSp modSldLayout">
        <pc:chgData name="Jonas Bratseth" userId="7880613d-1198-4bca-afa6-2725a9958330" providerId="ADAL" clId="{FF08786F-35DD-4FA5-91F3-FF8315EFC03A}" dt="2021-04-26T06:11:26.887" v="1296" actId="167"/>
        <pc:sldMasterMkLst>
          <pc:docMk/>
          <pc:sldMasterMk cId="3187493390" sldId="2147483680"/>
        </pc:sldMasterMkLst>
        <pc:spChg chg="mod">
          <ac:chgData name="Jonas Bratseth" userId="7880613d-1198-4bca-afa6-2725a9958330" providerId="ADAL" clId="{FF08786F-35DD-4FA5-91F3-FF8315EFC03A}" dt="2021-04-14T07:06:48.379" v="914" actId="12"/>
          <ac:spMkLst>
            <pc:docMk/>
            <pc:sldMasterMk cId="3187493390" sldId="2147483680"/>
            <ac:spMk id="9" creationId="{58F37BC3-C2C0-49FC-AF17-4DF1FED34D70}"/>
          </ac:spMkLst>
        </pc:spChg>
        <pc:sldLayoutChg chg="addSp delSp modSp mod">
          <pc:chgData name="Jonas Bratseth" userId="7880613d-1198-4bca-afa6-2725a9958330" providerId="ADAL" clId="{FF08786F-35DD-4FA5-91F3-FF8315EFC03A}" dt="2021-04-23T11:41:14.839" v="1062" actId="478"/>
          <pc:sldLayoutMkLst>
            <pc:docMk/>
            <pc:sldMasterMk cId="3187493390" sldId="2147483680"/>
            <pc:sldLayoutMk cId="3861079065" sldId="2147483681"/>
          </pc:sldLayoutMkLst>
          <pc:spChg chg="add del mod">
            <ac:chgData name="Jonas Bratseth" userId="7880613d-1198-4bca-afa6-2725a9958330" providerId="ADAL" clId="{FF08786F-35DD-4FA5-91F3-FF8315EFC03A}" dt="2021-04-23T11:41:14.839" v="1062" actId="478"/>
            <ac:spMkLst>
              <pc:docMk/>
              <pc:sldMasterMk cId="3187493390" sldId="2147483680"/>
              <pc:sldLayoutMk cId="3861079065" sldId="2147483681"/>
              <ac:spMk id="12" creationId="{263D9616-A24B-43F5-AD06-1550897B777C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51:15.622" v="1257" actId="167"/>
          <pc:sldLayoutMkLst>
            <pc:docMk/>
            <pc:sldMasterMk cId="3187493390" sldId="2147483680"/>
            <pc:sldLayoutMk cId="597010272" sldId="2147483684"/>
          </pc:sldLayoutMkLst>
          <pc:spChg chg="add del mod">
            <ac:chgData name="Jonas Bratseth" userId="7880613d-1198-4bca-afa6-2725a9958330" providerId="ADAL" clId="{FF08786F-35DD-4FA5-91F3-FF8315EFC03A}" dt="2021-04-23T11:51:10.689" v="1254" actId="478"/>
            <ac:spMkLst>
              <pc:docMk/>
              <pc:sldMasterMk cId="3187493390" sldId="2147483680"/>
              <pc:sldLayoutMk cId="597010272" sldId="2147483684"/>
              <ac:spMk id="7" creationId="{4EF33EAE-A3B3-4723-BD3E-562E6BABDA18}"/>
            </ac:spMkLst>
          </pc:spChg>
          <pc:spChg chg="add mod ord">
            <ac:chgData name="Jonas Bratseth" userId="7880613d-1198-4bca-afa6-2725a9958330" providerId="ADAL" clId="{FF08786F-35DD-4FA5-91F3-FF8315EFC03A}" dt="2021-04-23T11:51:15.622" v="1257" actId="167"/>
            <ac:spMkLst>
              <pc:docMk/>
              <pc:sldMasterMk cId="3187493390" sldId="2147483680"/>
              <pc:sldLayoutMk cId="597010272" sldId="2147483684"/>
              <ac:spMk id="8" creationId="{1C4EEE55-4E46-4205-84C9-1290ECE2306F}"/>
            </ac:spMkLst>
          </pc:spChg>
          <pc:spChg chg="del">
            <ac:chgData name="Jonas Bratseth" userId="7880613d-1198-4bca-afa6-2725a9958330" providerId="ADAL" clId="{FF08786F-35DD-4FA5-91F3-FF8315EFC03A}" dt="2021-04-23T11:51:10.164" v="1253" actId="478"/>
            <ac:spMkLst>
              <pc:docMk/>
              <pc:sldMasterMk cId="3187493390" sldId="2147483680"/>
              <pc:sldLayoutMk cId="597010272" sldId="2147483684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6T06:11:26.887" v="1296" actId="167"/>
          <pc:sldLayoutMkLst>
            <pc:docMk/>
            <pc:sldMasterMk cId="3187493390" sldId="2147483680"/>
            <pc:sldLayoutMk cId="4177452680" sldId="2147483685"/>
          </pc:sldLayoutMkLst>
          <pc:spChg chg="add del mod ord">
            <ac:chgData name="Jonas Bratseth" userId="7880613d-1198-4bca-afa6-2725a9958330" providerId="ADAL" clId="{FF08786F-35DD-4FA5-91F3-FF8315EFC03A}" dt="2021-04-26T06:11:24.457" v="1294" actId="478"/>
            <ac:spMkLst>
              <pc:docMk/>
              <pc:sldMasterMk cId="3187493390" sldId="2147483680"/>
              <pc:sldLayoutMk cId="4177452680" sldId="2147483685"/>
              <ac:spMk id="8" creationId="{3904B52A-6692-4680-9BB2-548A7CB0C51E}"/>
            </ac:spMkLst>
          </pc:spChg>
          <pc:spChg chg="add mod ord">
            <ac:chgData name="Jonas Bratseth" userId="7880613d-1198-4bca-afa6-2725a9958330" providerId="ADAL" clId="{FF08786F-35DD-4FA5-91F3-FF8315EFC03A}" dt="2021-04-26T06:11:26.887" v="1296" actId="167"/>
            <ac:spMkLst>
              <pc:docMk/>
              <pc:sldMasterMk cId="3187493390" sldId="2147483680"/>
              <pc:sldLayoutMk cId="4177452680" sldId="2147483685"/>
              <ac:spMk id="10" creationId="{0B3C5F1A-6408-4098-96AF-6FC0AD1AFDB6}"/>
            </ac:spMkLst>
          </pc:spChg>
          <pc:spChg chg="del">
            <ac:chgData name="Jonas Bratseth" userId="7880613d-1198-4bca-afa6-2725a9958330" providerId="ADAL" clId="{FF08786F-35DD-4FA5-91F3-FF8315EFC03A}" dt="2021-04-23T11:51:18.974" v="1258" actId="478"/>
            <ac:spMkLst>
              <pc:docMk/>
              <pc:sldMasterMk cId="3187493390" sldId="2147483680"/>
              <pc:sldLayoutMk cId="4177452680" sldId="2147483685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51:38.585" v="1269" actId="167"/>
          <pc:sldLayoutMkLst>
            <pc:docMk/>
            <pc:sldMasterMk cId="3187493390" sldId="2147483680"/>
            <pc:sldLayoutMk cId="2249116253" sldId="2147483695"/>
          </pc:sldLayoutMkLst>
          <pc:spChg chg="add mod ord">
            <ac:chgData name="Jonas Bratseth" userId="7880613d-1198-4bca-afa6-2725a9958330" providerId="ADAL" clId="{FF08786F-35DD-4FA5-91F3-FF8315EFC03A}" dt="2021-04-23T11:51:38.585" v="1269" actId="167"/>
            <ac:spMkLst>
              <pc:docMk/>
              <pc:sldMasterMk cId="3187493390" sldId="2147483680"/>
              <pc:sldLayoutMk cId="2249116253" sldId="2147483695"/>
              <ac:spMk id="13" creationId="{94E2699D-53DF-4D78-A9B2-657299B5D442}"/>
            </ac:spMkLst>
          </pc:spChg>
          <pc:spChg chg="del">
            <ac:chgData name="Jonas Bratseth" userId="7880613d-1198-4bca-afa6-2725a9958330" providerId="ADAL" clId="{FF08786F-35DD-4FA5-91F3-FF8315EFC03A}" dt="2021-04-23T11:51:35.626" v="1267" actId="478"/>
            <ac:spMkLst>
              <pc:docMk/>
              <pc:sldMasterMk cId="3187493390" sldId="2147483680"/>
              <pc:sldLayoutMk cId="2249116253" sldId="2147483695"/>
              <ac:spMk id="16" creationId="{37F2F130-96B9-4E39-BAD7-B47E2B08EF2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2:01:43.242" v="1290" actId="167"/>
          <pc:sldLayoutMkLst>
            <pc:docMk/>
            <pc:sldMasterMk cId="3187493390" sldId="2147483680"/>
            <pc:sldLayoutMk cId="3521125847" sldId="2147483703"/>
          </pc:sldLayoutMkLst>
          <pc:spChg chg="del">
            <ac:chgData name="Jonas Bratseth" userId="7880613d-1198-4bca-afa6-2725a9958330" providerId="ADAL" clId="{FF08786F-35DD-4FA5-91F3-FF8315EFC03A}" dt="2021-04-23T12:01:40.985" v="1288" actId="478"/>
            <ac:spMkLst>
              <pc:docMk/>
              <pc:sldMasterMk cId="3187493390" sldId="2147483680"/>
              <pc:sldLayoutMk cId="3521125847" sldId="2147483703"/>
              <ac:spMk id="4" creationId="{5C77A572-ACD6-42E7-B09B-4CCFBF36569D}"/>
            </ac:spMkLst>
          </pc:spChg>
          <pc:spChg chg="add mod ord">
            <ac:chgData name="Jonas Bratseth" userId="7880613d-1198-4bca-afa6-2725a9958330" providerId="ADAL" clId="{FF08786F-35DD-4FA5-91F3-FF8315EFC03A}" dt="2021-04-23T12:01:43.242" v="1290" actId="167"/>
            <ac:spMkLst>
              <pc:docMk/>
              <pc:sldMasterMk cId="3187493390" sldId="2147483680"/>
              <pc:sldLayoutMk cId="3521125847" sldId="2147483703"/>
              <ac:spMk id="8" creationId="{1616B51D-CD6E-409B-8889-951D1E6807E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51:44.392" v="1272" actId="167"/>
          <pc:sldLayoutMkLst>
            <pc:docMk/>
            <pc:sldMasterMk cId="3187493390" sldId="2147483680"/>
            <pc:sldLayoutMk cId="612612124" sldId="2147483729"/>
          </pc:sldLayoutMkLst>
          <pc:spChg chg="add mod ord">
            <ac:chgData name="Jonas Bratseth" userId="7880613d-1198-4bca-afa6-2725a9958330" providerId="ADAL" clId="{FF08786F-35DD-4FA5-91F3-FF8315EFC03A}" dt="2021-04-23T11:51:44.392" v="1272" actId="167"/>
            <ac:spMkLst>
              <pc:docMk/>
              <pc:sldMasterMk cId="3187493390" sldId="2147483680"/>
              <pc:sldLayoutMk cId="612612124" sldId="2147483729"/>
              <ac:spMk id="15" creationId="{508FA48D-5A0A-444D-A93F-1AA25D763035}"/>
            </ac:spMkLst>
          </pc:spChg>
          <pc:spChg chg="del">
            <ac:chgData name="Jonas Bratseth" userId="7880613d-1198-4bca-afa6-2725a9958330" providerId="ADAL" clId="{FF08786F-35DD-4FA5-91F3-FF8315EFC03A}" dt="2021-04-23T11:51:41.348" v="1270" actId="478"/>
            <ac:spMkLst>
              <pc:docMk/>
              <pc:sldMasterMk cId="3187493390" sldId="2147483680"/>
              <pc:sldLayoutMk cId="612612124" sldId="2147483729"/>
              <ac:spMk id="18" creationId="{328975A5-8F66-4443-899F-ECAAB50FF85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2:01:15.065" v="1275" actId="167"/>
          <pc:sldLayoutMkLst>
            <pc:docMk/>
            <pc:sldMasterMk cId="3187493390" sldId="2147483680"/>
            <pc:sldLayoutMk cId="1721963667" sldId="2147483730"/>
          </pc:sldLayoutMkLst>
          <pc:spChg chg="add mod ord">
            <ac:chgData name="Jonas Bratseth" userId="7880613d-1198-4bca-afa6-2725a9958330" providerId="ADAL" clId="{FF08786F-35DD-4FA5-91F3-FF8315EFC03A}" dt="2021-04-23T12:01:15.065" v="1275" actId="167"/>
            <ac:spMkLst>
              <pc:docMk/>
              <pc:sldMasterMk cId="3187493390" sldId="2147483680"/>
              <pc:sldLayoutMk cId="1721963667" sldId="2147483730"/>
              <ac:spMk id="16" creationId="{AF9463BF-9611-4FCA-A904-40D95FB42B30}"/>
            </ac:spMkLst>
          </pc:spChg>
          <pc:spChg chg="del">
            <ac:chgData name="Jonas Bratseth" userId="7880613d-1198-4bca-afa6-2725a9958330" providerId="ADAL" clId="{FF08786F-35DD-4FA5-91F3-FF8315EFC03A}" dt="2021-04-23T12:01:12.376" v="1273" actId="478"/>
            <ac:spMkLst>
              <pc:docMk/>
              <pc:sldMasterMk cId="3187493390" sldId="2147483680"/>
              <pc:sldLayoutMk cId="1721963667" sldId="2147483730"/>
              <ac:spMk id="20" creationId="{526315F1-9453-435E-AEA2-FA55B81D4DD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51:27.604" v="1263" actId="167"/>
          <pc:sldLayoutMkLst>
            <pc:docMk/>
            <pc:sldMasterMk cId="3187493390" sldId="2147483680"/>
            <pc:sldLayoutMk cId="3940216924" sldId="2147483743"/>
          </pc:sldLayoutMkLst>
          <pc:spChg chg="del">
            <ac:chgData name="Jonas Bratseth" userId="7880613d-1198-4bca-afa6-2725a9958330" providerId="ADAL" clId="{FF08786F-35DD-4FA5-91F3-FF8315EFC03A}" dt="2021-04-23T11:51:24.120" v="1261" actId="478"/>
            <ac:spMkLst>
              <pc:docMk/>
              <pc:sldMasterMk cId="3187493390" sldId="2147483680"/>
              <pc:sldLayoutMk cId="3940216924" sldId="2147483743"/>
              <ac:spMk id="6" creationId="{7644BE22-FE64-415A-82E1-57F426B630DE}"/>
            </ac:spMkLst>
          </pc:spChg>
          <pc:spChg chg="add mod ord">
            <ac:chgData name="Jonas Bratseth" userId="7880613d-1198-4bca-afa6-2725a9958330" providerId="ADAL" clId="{FF08786F-35DD-4FA5-91F3-FF8315EFC03A}" dt="2021-04-23T11:51:27.604" v="1263" actId="167"/>
            <ac:spMkLst>
              <pc:docMk/>
              <pc:sldMasterMk cId="3187493390" sldId="2147483680"/>
              <pc:sldLayoutMk cId="3940216924" sldId="2147483743"/>
              <ac:spMk id="10" creationId="{5CD7B0C3-2697-4946-8F40-CCF394F9F026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51:32.378" v="1266" actId="167"/>
          <pc:sldLayoutMkLst>
            <pc:docMk/>
            <pc:sldMasterMk cId="3187493390" sldId="2147483680"/>
            <pc:sldLayoutMk cId="2160389741" sldId="2147483744"/>
          </pc:sldLayoutMkLst>
          <pc:spChg chg="del">
            <ac:chgData name="Jonas Bratseth" userId="7880613d-1198-4bca-afa6-2725a9958330" providerId="ADAL" clId="{FF08786F-35DD-4FA5-91F3-FF8315EFC03A}" dt="2021-04-23T11:51:30.104" v="1264" actId="478"/>
            <ac:spMkLst>
              <pc:docMk/>
              <pc:sldMasterMk cId="3187493390" sldId="2147483680"/>
              <pc:sldLayoutMk cId="2160389741" sldId="2147483744"/>
              <ac:spMk id="10" creationId="{7C013883-E97D-43E6-B184-0B89BF36D874}"/>
            </ac:spMkLst>
          </pc:spChg>
          <pc:spChg chg="add mod ord">
            <ac:chgData name="Jonas Bratseth" userId="7880613d-1198-4bca-afa6-2725a9958330" providerId="ADAL" clId="{FF08786F-35DD-4FA5-91F3-FF8315EFC03A}" dt="2021-04-23T11:51:32.378" v="1266" actId="167"/>
            <ac:spMkLst>
              <pc:docMk/>
              <pc:sldMasterMk cId="3187493390" sldId="2147483680"/>
              <pc:sldLayoutMk cId="2160389741" sldId="2147483744"/>
              <ac:spMk id="13" creationId="{A27D1D27-C10F-42B6-8E25-F990C63B7924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2:01:24.209" v="1278" actId="167"/>
          <pc:sldLayoutMkLst>
            <pc:docMk/>
            <pc:sldMasterMk cId="3187493390" sldId="2147483680"/>
            <pc:sldLayoutMk cId="3914837304" sldId="2147483745"/>
          </pc:sldLayoutMkLst>
          <pc:spChg chg="del">
            <ac:chgData name="Jonas Bratseth" userId="7880613d-1198-4bca-afa6-2725a9958330" providerId="ADAL" clId="{FF08786F-35DD-4FA5-91F3-FF8315EFC03A}" dt="2021-04-23T12:01:21.695" v="1276" actId="478"/>
            <ac:spMkLst>
              <pc:docMk/>
              <pc:sldMasterMk cId="3187493390" sldId="2147483680"/>
              <pc:sldLayoutMk cId="3914837304" sldId="2147483745"/>
              <ac:spMk id="8" creationId="{DA67FE83-5DC7-4783-8255-88F8A967B2A5}"/>
            </ac:spMkLst>
          </pc:spChg>
          <pc:spChg chg="add mod ord">
            <ac:chgData name="Jonas Bratseth" userId="7880613d-1198-4bca-afa6-2725a9958330" providerId="ADAL" clId="{FF08786F-35DD-4FA5-91F3-FF8315EFC03A}" dt="2021-04-23T12:01:24.209" v="1278" actId="167"/>
            <ac:spMkLst>
              <pc:docMk/>
              <pc:sldMasterMk cId="3187493390" sldId="2147483680"/>
              <pc:sldLayoutMk cId="3914837304" sldId="2147483745"/>
              <ac:spMk id="14" creationId="{E0948455-6B92-416A-A5C5-D13B7F0F7BD7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2:01:28.656" v="1281" actId="167"/>
          <pc:sldLayoutMkLst>
            <pc:docMk/>
            <pc:sldMasterMk cId="3187493390" sldId="2147483680"/>
            <pc:sldLayoutMk cId="816892688" sldId="2147483746"/>
          </pc:sldLayoutMkLst>
          <pc:spChg chg="add mod ord">
            <ac:chgData name="Jonas Bratseth" userId="7880613d-1198-4bca-afa6-2725a9958330" providerId="ADAL" clId="{FF08786F-35DD-4FA5-91F3-FF8315EFC03A}" dt="2021-04-23T12:01:28.656" v="1281" actId="167"/>
            <ac:spMkLst>
              <pc:docMk/>
              <pc:sldMasterMk cId="3187493390" sldId="2147483680"/>
              <pc:sldLayoutMk cId="816892688" sldId="2147483746"/>
              <ac:spMk id="14" creationId="{D4C7EB17-49CD-4802-9E65-5D00F307D2C2}"/>
            </ac:spMkLst>
          </pc:spChg>
          <pc:spChg chg="del">
            <ac:chgData name="Jonas Bratseth" userId="7880613d-1198-4bca-afa6-2725a9958330" providerId="ADAL" clId="{FF08786F-35DD-4FA5-91F3-FF8315EFC03A}" dt="2021-04-23T12:01:26.003" v="1279" actId="478"/>
            <ac:spMkLst>
              <pc:docMk/>
              <pc:sldMasterMk cId="3187493390" sldId="2147483680"/>
              <pc:sldLayoutMk cId="816892688" sldId="2147483746"/>
              <ac:spMk id="18" creationId="{71F87A5E-1300-4E96-AF48-FE64EB03BE75}"/>
            </ac:spMkLst>
          </pc:spChg>
          <pc:spChg chg="mod">
            <ac:chgData name="Jonas Bratseth" userId="7880613d-1198-4bca-afa6-2725a9958330" providerId="ADAL" clId="{FF08786F-35DD-4FA5-91F3-FF8315EFC03A}" dt="2021-04-14T07:09:26.215" v="947"/>
            <ac:spMkLst>
              <pc:docMk/>
              <pc:sldMasterMk cId="3187493390" sldId="2147483680"/>
              <pc:sldLayoutMk cId="816892688" sldId="2147483746"/>
              <ac:spMk id="25" creationId="{0162996C-1B26-43A7-961C-49071E860FE8}"/>
            </ac:spMkLst>
          </pc:spChg>
          <pc:spChg chg="mod">
            <ac:chgData name="Jonas Bratseth" userId="7880613d-1198-4bca-afa6-2725a9958330" providerId="ADAL" clId="{FF08786F-35DD-4FA5-91F3-FF8315EFC03A}" dt="2021-04-14T07:09:26.215" v="951"/>
            <ac:spMkLst>
              <pc:docMk/>
              <pc:sldMasterMk cId="3187493390" sldId="2147483680"/>
              <pc:sldLayoutMk cId="816892688" sldId="2147483746"/>
              <ac:spMk id="29" creationId="{89C3D278-CD6A-457C-9885-46C0CCA9194B}"/>
            </ac:spMkLst>
          </pc:spChg>
          <pc:spChg chg="mod">
            <ac:chgData name="Jonas Bratseth" userId="7880613d-1198-4bca-afa6-2725a9958330" providerId="ADAL" clId="{FF08786F-35DD-4FA5-91F3-FF8315EFC03A}" dt="2021-04-14T07:09:26.215" v="955"/>
            <ac:spMkLst>
              <pc:docMk/>
              <pc:sldMasterMk cId="3187493390" sldId="2147483680"/>
              <pc:sldLayoutMk cId="816892688" sldId="2147483746"/>
              <ac:spMk id="31" creationId="{6A798247-A50A-4CDA-A213-AFA93BA8869E}"/>
            </ac:spMkLst>
          </pc:spChg>
          <pc:spChg chg="del">
            <ac:chgData name="Jonas Bratseth" userId="7880613d-1198-4bca-afa6-2725a9958330" providerId="ADAL" clId="{FF08786F-35DD-4FA5-91F3-FF8315EFC03A}" dt="2021-04-14T07:08:31.975" v="918" actId="478"/>
            <ac:spMkLst>
              <pc:docMk/>
              <pc:sldMasterMk cId="3187493390" sldId="2147483680"/>
              <pc:sldLayoutMk cId="816892688" sldId="2147483746"/>
              <ac:spMk id="32" creationId="{9499EFE1-8CBA-423F-8122-58E739F6751B}"/>
            </ac:spMkLst>
          </pc:spChg>
          <pc:spChg chg="del">
            <ac:chgData name="Jonas Bratseth" userId="7880613d-1198-4bca-afa6-2725a9958330" providerId="ADAL" clId="{FF08786F-35DD-4FA5-91F3-FF8315EFC03A}" dt="2021-04-14T07:08:31.975" v="918" actId="478"/>
            <ac:spMkLst>
              <pc:docMk/>
              <pc:sldMasterMk cId="3187493390" sldId="2147483680"/>
              <pc:sldLayoutMk cId="816892688" sldId="2147483746"/>
              <ac:spMk id="34" creationId="{4663B884-1B37-4D3C-BA4C-6E4DFDC6B7E9}"/>
            </ac:spMkLst>
          </pc:spChg>
          <pc:spChg chg="mod">
            <ac:chgData name="Jonas Bratseth" userId="7880613d-1198-4bca-afa6-2725a9958330" providerId="ADAL" clId="{FF08786F-35DD-4FA5-91F3-FF8315EFC03A}" dt="2021-04-14T07:09:26.215" v="959"/>
            <ac:spMkLst>
              <pc:docMk/>
              <pc:sldMasterMk cId="3187493390" sldId="2147483680"/>
              <pc:sldLayoutMk cId="816892688" sldId="2147483746"/>
              <ac:spMk id="35" creationId="{6E1031E6-665F-444C-BCC3-43C37743A121}"/>
            </ac:spMkLst>
          </pc:spChg>
          <pc:spChg chg="del">
            <ac:chgData name="Jonas Bratseth" userId="7880613d-1198-4bca-afa6-2725a9958330" providerId="ADAL" clId="{FF08786F-35DD-4FA5-91F3-FF8315EFC03A}" dt="2021-04-14T07:08:31.975" v="918" actId="478"/>
            <ac:spMkLst>
              <pc:docMk/>
              <pc:sldMasterMk cId="3187493390" sldId="2147483680"/>
              <pc:sldLayoutMk cId="816892688" sldId="2147483746"/>
              <ac:spMk id="36" creationId="{D5AEE4FD-CC8C-4092-AAA0-989B431A8483}"/>
            </ac:spMkLst>
          </pc:spChg>
          <pc:spChg chg="del">
            <ac:chgData name="Jonas Bratseth" userId="7880613d-1198-4bca-afa6-2725a9958330" providerId="ADAL" clId="{FF08786F-35DD-4FA5-91F3-FF8315EFC03A}" dt="2021-04-14T07:08:31.975" v="918" actId="478"/>
            <ac:spMkLst>
              <pc:docMk/>
              <pc:sldMasterMk cId="3187493390" sldId="2147483680"/>
              <pc:sldLayoutMk cId="816892688" sldId="2147483746"/>
              <ac:spMk id="41" creationId="{D5EB240A-3766-4487-8B37-EF0F3B69118B}"/>
            </ac:spMkLst>
          </pc:spChg>
          <pc:spChg chg="del">
            <ac:chgData name="Jonas Bratseth" userId="7880613d-1198-4bca-afa6-2725a9958330" providerId="ADAL" clId="{FF08786F-35DD-4FA5-91F3-FF8315EFC03A}" dt="2021-04-14T07:08:31.975" v="918" actId="478"/>
            <ac:spMkLst>
              <pc:docMk/>
              <pc:sldMasterMk cId="3187493390" sldId="2147483680"/>
              <pc:sldLayoutMk cId="816892688" sldId="2147483746"/>
              <ac:spMk id="42" creationId="{E7A50160-9C8F-4AEA-B2A9-645F2215554C}"/>
            </ac:spMkLst>
          </pc:spChg>
          <pc:cxnChg chg="del">
            <ac:chgData name="Jonas Bratseth" userId="7880613d-1198-4bca-afa6-2725a9958330" providerId="ADAL" clId="{FF08786F-35DD-4FA5-91F3-FF8315EFC03A}" dt="2021-04-14T07:08:31.975" v="918" actId="478"/>
            <ac:cxnSpMkLst>
              <pc:docMk/>
              <pc:sldMasterMk cId="3187493390" sldId="2147483680"/>
              <pc:sldLayoutMk cId="816892688" sldId="2147483746"/>
              <ac:cxnSpMk id="46" creationId="{07D70D71-7D65-456F-8918-0D83F0B88E9C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23T12:01:33.753" v="1284" actId="167"/>
          <pc:sldLayoutMkLst>
            <pc:docMk/>
            <pc:sldMasterMk cId="3187493390" sldId="2147483680"/>
            <pc:sldLayoutMk cId="2648024836" sldId="2147483747"/>
          </pc:sldLayoutMkLst>
          <pc:spChg chg="add mod ord">
            <ac:chgData name="Jonas Bratseth" userId="7880613d-1198-4bca-afa6-2725a9958330" providerId="ADAL" clId="{FF08786F-35DD-4FA5-91F3-FF8315EFC03A}" dt="2021-04-23T12:01:33.753" v="1284" actId="167"/>
            <ac:spMkLst>
              <pc:docMk/>
              <pc:sldMasterMk cId="3187493390" sldId="2147483680"/>
              <pc:sldLayoutMk cId="2648024836" sldId="2147483747"/>
              <ac:spMk id="18" creationId="{8EAD0E29-8F74-4988-BBA5-045620273214}"/>
            </ac:spMkLst>
          </pc:spChg>
          <pc:spChg chg="del">
            <ac:chgData name="Jonas Bratseth" userId="7880613d-1198-4bca-afa6-2725a9958330" providerId="ADAL" clId="{FF08786F-35DD-4FA5-91F3-FF8315EFC03A}" dt="2021-04-23T12:01:30.983" v="1282" actId="478"/>
            <ac:spMkLst>
              <pc:docMk/>
              <pc:sldMasterMk cId="3187493390" sldId="2147483680"/>
              <pc:sldLayoutMk cId="2648024836" sldId="2147483747"/>
              <ac:spMk id="20" creationId="{AC1B5946-BFD6-40B1-A104-411E61CBC47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2:01:38.592" v="1287" actId="167"/>
          <pc:sldLayoutMkLst>
            <pc:docMk/>
            <pc:sldMasterMk cId="3187493390" sldId="2147483680"/>
            <pc:sldLayoutMk cId="3710491815" sldId="2147483788"/>
          </pc:sldLayoutMkLst>
          <pc:spChg chg="del mod">
            <ac:chgData name="Jonas Bratseth" userId="7880613d-1198-4bca-afa6-2725a9958330" providerId="ADAL" clId="{FF08786F-35DD-4FA5-91F3-FF8315EFC03A}" dt="2021-04-23T12:01:35.592" v="1285" actId="478"/>
            <ac:spMkLst>
              <pc:docMk/>
              <pc:sldMasterMk cId="3187493390" sldId="2147483680"/>
              <pc:sldLayoutMk cId="3710491815" sldId="2147483788"/>
              <ac:spMk id="12" creationId="{98D9657F-90AA-40C4-9DD7-37C9539F7ACD}"/>
            </ac:spMkLst>
          </pc:spChg>
          <pc:spChg chg="add mod ord">
            <ac:chgData name="Jonas Bratseth" userId="7880613d-1198-4bca-afa6-2725a9958330" providerId="ADAL" clId="{FF08786F-35DD-4FA5-91F3-FF8315EFC03A}" dt="2021-04-23T12:01:38.592" v="1287" actId="167"/>
            <ac:spMkLst>
              <pc:docMk/>
              <pc:sldMasterMk cId="3187493390" sldId="2147483680"/>
              <pc:sldLayoutMk cId="3710491815" sldId="2147483788"/>
              <ac:spMk id="15" creationId="{09BE6C7B-6040-4D94-BFDE-7EBB6B516612}"/>
            </ac:spMkLst>
          </pc:spChg>
        </pc:sldLayoutChg>
      </pc:sldMasterChg>
      <pc:sldMasterChg chg="modSldLayout">
        <pc:chgData name="Jonas Bratseth" userId="7880613d-1198-4bca-afa6-2725a9958330" providerId="ADAL" clId="{FF08786F-35DD-4FA5-91F3-FF8315EFC03A}" dt="2021-04-23T11:41:23.282" v="1065" actId="478"/>
        <pc:sldMasterMkLst>
          <pc:docMk/>
          <pc:sldMasterMk cId="2269285815" sldId="2147483706"/>
        </pc:sldMasterMkLst>
        <pc:sldLayoutChg chg="addSp delSp modSp mod">
          <pc:chgData name="Jonas Bratseth" userId="7880613d-1198-4bca-afa6-2725a9958330" providerId="ADAL" clId="{FF08786F-35DD-4FA5-91F3-FF8315EFC03A}" dt="2021-04-23T11:41:23.282" v="1065" actId="478"/>
          <pc:sldLayoutMkLst>
            <pc:docMk/>
            <pc:sldMasterMk cId="2269285815" sldId="2147483706"/>
            <pc:sldLayoutMk cId="3056657447" sldId="2147483707"/>
          </pc:sldLayoutMkLst>
          <pc:spChg chg="add del mod">
            <ac:chgData name="Jonas Bratseth" userId="7880613d-1198-4bca-afa6-2725a9958330" providerId="ADAL" clId="{FF08786F-35DD-4FA5-91F3-FF8315EFC03A}" dt="2021-04-23T11:41:23.282" v="1065" actId="478"/>
            <ac:spMkLst>
              <pc:docMk/>
              <pc:sldMasterMk cId="2269285815" sldId="2147483706"/>
              <pc:sldLayoutMk cId="3056657447" sldId="2147483707"/>
              <ac:spMk id="6" creationId="{466A225A-9B23-48FD-8AF7-41691FA3CC7F}"/>
            </ac:spMkLst>
          </pc:spChg>
          <pc:spChg chg="mod">
            <ac:chgData name="Jonas Bratseth" userId="7880613d-1198-4bca-afa6-2725a9958330" providerId="ADAL" clId="{FF08786F-35DD-4FA5-91F3-FF8315EFC03A}" dt="2021-04-12T11:41:37.376" v="725" actId="207"/>
            <ac:spMkLst>
              <pc:docMk/>
              <pc:sldMasterMk cId="2269285815" sldId="2147483706"/>
              <pc:sldLayoutMk cId="3056657447" sldId="2147483707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1:40.683" v="726" actId="207"/>
          <pc:sldLayoutMkLst>
            <pc:docMk/>
            <pc:sldMasterMk cId="2269285815" sldId="2147483706"/>
            <pc:sldLayoutMk cId="3872924810" sldId="2147483708"/>
          </pc:sldLayoutMkLst>
          <pc:spChg chg="mod">
            <ac:chgData name="Jonas Bratseth" userId="7880613d-1198-4bca-afa6-2725a9958330" providerId="ADAL" clId="{FF08786F-35DD-4FA5-91F3-FF8315EFC03A}" dt="2021-04-12T11:41:40.683" v="726" actId="207"/>
            <ac:spMkLst>
              <pc:docMk/>
              <pc:sldMasterMk cId="2269285815" sldId="2147483706"/>
              <pc:sldLayoutMk cId="3872924810" sldId="2147483708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1:49.900" v="728" actId="207"/>
          <pc:sldLayoutMkLst>
            <pc:docMk/>
            <pc:sldMasterMk cId="2269285815" sldId="2147483706"/>
            <pc:sldLayoutMk cId="4220407289" sldId="2147483709"/>
          </pc:sldLayoutMkLst>
          <pc:spChg chg="mod">
            <ac:chgData name="Jonas Bratseth" userId="7880613d-1198-4bca-afa6-2725a9958330" providerId="ADAL" clId="{FF08786F-35DD-4FA5-91F3-FF8315EFC03A}" dt="2021-04-12T11:41:49.900" v="728" actId="207"/>
            <ac:spMkLst>
              <pc:docMk/>
              <pc:sldMasterMk cId="2269285815" sldId="2147483706"/>
              <pc:sldLayoutMk cId="4220407289" sldId="2147483709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1:43.904" v="727" actId="207"/>
          <pc:sldLayoutMkLst>
            <pc:docMk/>
            <pc:sldMasterMk cId="2269285815" sldId="2147483706"/>
            <pc:sldLayoutMk cId="1288175719" sldId="2147483710"/>
          </pc:sldLayoutMkLst>
          <pc:spChg chg="mod">
            <ac:chgData name="Jonas Bratseth" userId="7880613d-1198-4bca-afa6-2725a9958330" providerId="ADAL" clId="{FF08786F-35DD-4FA5-91F3-FF8315EFC03A}" dt="2021-04-12T11:41:43.904" v="727" actId="207"/>
            <ac:spMkLst>
              <pc:docMk/>
              <pc:sldMasterMk cId="2269285815" sldId="2147483706"/>
              <pc:sldLayoutMk cId="1288175719" sldId="2147483710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1:53.212" v="729" actId="207"/>
          <pc:sldLayoutMkLst>
            <pc:docMk/>
            <pc:sldMasterMk cId="2269285815" sldId="2147483706"/>
            <pc:sldLayoutMk cId="2056493354" sldId="2147483711"/>
          </pc:sldLayoutMkLst>
          <pc:spChg chg="mod">
            <ac:chgData name="Jonas Bratseth" userId="7880613d-1198-4bca-afa6-2725a9958330" providerId="ADAL" clId="{FF08786F-35DD-4FA5-91F3-FF8315EFC03A}" dt="2021-04-12T11:41:53.212" v="729" actId="207"/>
            <ac:spMkLst>
              <pc:docMk/>
              <pc:sldMasterMk cId="2269285815" sldId="2147483706"/>
              <pc:sldLayoutMk cId="2056493354" sldId="2147483711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2:00.717" v="730" actId="207"/>
          <pc:sldLayoutMkLst>
            <pc:docMk/>
            <pc:sldMasterMk cId="2269285815" sldId="2147483706"/>
            <pc:sldLayoutMk cId="2432138850" sldId="2147483712"/>
          </pc:sldLayoutMkLst>
          <pc:spChg chg="mod">
            <ac:chgData name="Jonas Bratseth" userId="7880613d-1198-4bca-afa6-2725a9958330" providerId="ADAL" clId="{FF08786F-35DD-4FA5-91F3-FF8315EFC03A}" dt="2021-04-12T11:42:00.717" v="730" actId="207"/>
            <ac:spMkLst>
              <pc:docMk/>
              <pc:sldMasterMk cId="2269285815" sldId="2147483706"/>
              <pc:sldLayoutMk cId="2432138850" sldId="2147483712"/>
              <ac:spMk id="9" creationId="{2519DE2E-30A8-4795-8CA3-AB25AAE8A26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2T11:42:04.219" v="731" actId="207"/>
          <pc:sldLayoutMkLst>
            <pc:docMk/>
            <pc:sldMasterMk cId="2269285815" sldId="2147483706"/>
            <pc:sldLayoutMk cId="2206203928" sldId="2147483713"/>
          </pc:sldLayoutMkLst>
          <pc:spChg chg="mod">
            <ac:chgData name="Jonas Bratseth" userId="7880613d-1198-4bca-afa6-2725a9958330" providerId="ADAL" clId="{FF08786F-35DD-4FA5-91F3-FF8315EFC03A}" dt="2021-04-12T11:42:04.219" v="731" actId="207"/>
            <ac:spMkLst>
              <pc:docMk/>
              <pc:sldMasterMk cId="2269285815" sldId="2147483706"/>
              <pc:sldLayoutMk cId="2206203928" sldId="2147483713"/>
              <ac:spMk id="9" creationId="{2519DE2E-30A8-4795-8CA3-AB25AAE8A266}"/>
            </ac:spMkLst>
          </pc:spChg>
        </pc:sldLayoutChg>
      </pc:sldMasterChg>
      <pc:sldMasterChg chg="modSp mod modSldLayout">
        <pc:chgData name="Jonas Bratseth" userId="7880613d-1198-4bca-afa6-2725a9958330" providerId="ADAL" clId="{FF08786F-35DD-4FA5-91F3-FF8315EFC03A}" dt="2021-04-23T11:44:31.193" v="1147" actId="167"/>
        <pc:sldMasterMkLst>
          <pc:docMk/>
          <pc:sldMasterMk cId="2320628436" sldId="2147483750"/>
        </pc:sldMasterMkLst>
        <pc:spChg chg="mod">
          <ac:chgData name="Jonas Bratseth" userId="7880613d-1198-4bca-afa6-2725a9958330" providerId="ADAL" clId="{FF08786F-35DD-4FA5-91F3-FF8315EFC03A}" dt="2021-04-14T06:59:31.949" v="887" actId="12"/>
          <ac:spMkLst>
            <pc:docMk/>
            <pc:sldMasterMk cId="2320628436" sldId="2147483750"/>
            <ac:spMk id="8" creationId="{0A070B88-1D4D-44C9-AC83-BD74551FEA5B}"/>
          </ac:spMkLst>
        </pc:spChg>
        <pc:sldLayoutChg chg="addSp delSp modSp mod">
          <pc:chgData name="Jonas Bratseth" userId="7880613d-1198-4bca-afa6-2725a9958330" providerId="ADAL" clId="{FF08786F-35DD-4FA5-91F3-FF8315EFC03A}" dt="2021-04-23T11:42:08.428" v="1089" actId="1076"/>
          <pc:sldLayoutMkLst>
            <pc:docMk/>
            <pc:sldMasterMk cId="2320628436" sldId="2147483750"/>
            <pc:sldLayoutMk cId="3196187509" sldId="2147483751"/>
          </pc:sldLayoutMkLst>
          <pc:spChg chg="add del mod">
            <ac:chgData name="Jonas Bratseth" userId="7880613d-1198-4bca-afa6-2725a9958330" providerId="ADAL" clId="{FF08786F-35DD-4FA5-91F3-FF8315EFC03A}" dt="2021-04-23T11:38:11.915" v="1027" actId="478"/>
            <ac:spMkLst>
              <pc:docMk/>
              <pc:sldMasterMk cId="2320628436" sldId="2147483750"/>
              <pc:sldLayoutMk cId="3196187509" sldId="2147483751"/>
              <ac:spMk id="2" creationId="{A75F729C-28FB-4B2E-9F1F-AAB5CBA170F5}"/>
            </ac:spMkLst>
          </pc:spChg>
          <pc:spChg chg="add del mod modVis">
            <ac:chgData name="Jonas Bratseth" userId="7880613d-1198-4bca-afa6-2725a9958330" providerId="ADAL" clId="{FF08786F-35DD-4FA5-91F3-FF8315EFC03A}" dt="2021-04-23T11:42:07.881" v="1088" actId="14429"/>
            <ac:spMkLst>
              <pc:docMk/>
              <pc:sldMasterMk cId="2320628436" sldId="2147483750"/>
              <pc:sldLayoutMk cId="3196187509" sldId="2147483751"/>
              <ac:spMk id="3" creationId="{4AE97785-6E28-487C-A237-AF5F013A8878}"/>
            </ac:spMkLst>
          </pc:spChg>
          <pc:spChg chg="mod">
            <ac:chgData name="Jonas Bratseth" userId="7880613d-1198-4bca-afa6-2725a9958330" providerId="ADAL" clId="{FF08786F-35DD-4FA5-91F3-FF8315EFC03A}" dt="2021-04-23T11:42:08.428" v="1089" actId="1076"/>
            <ac:spMkLst>
              <pc:docMk/>
              <pc:sldMasterMk cId="2320628436" sldId="2147483750"/>
              <pc:sldLayoutMk cId="3196187509" sldId="2147483751"/>
              <ac:spMk id="7" creationId="{1EDC10EC-BA55-4582-BC51-54300AEE4C9D}"/>
            </ac:spMkLst>
          </pc:spChg>
          <pc:spChg chg="add del mod">
            <ac:chgData name="Jonas Bratseth" userId="7880613d-1198-4bca-afa6-2725a9958330" providerId="ADAL" clId="{FF08786F-35DD-4FA5-91F3-FF8315EFC03A}" dt="2021-04-14T06:58:03.203" v="882" actId="478"/>
            <ac:spMkLst>
              <pc:docMk/>
              <pc:sldMasterMk cId="2320628436" sldId="2147483750"/>
              <pc:sldLayoutMk cId="3196187509" sldId="2147483751"/>
              <ac:spMk id="11" creationId="{3355DC3F-2782-4D6E-A13C-BFB0320C7939}"/>
            </ac:spMkLst>
          </pc:spChg>
          <pc:spChg chg="add del mod">
            <ac:chgData name="Jonas Bratseth" userId="7880613d-1198-4bca-afa6-2725a9958330" providerId="ADAL" clId="{FF08786F-35DD-4FA5-91F3-FF8315EFC03A}" dt="2021-04-23T11:39:17.688" v="1047" actId="21"/>
            <ac:spMkLst>
              <pc:docMk/>
              <pc:sldMasterMk cId="2320628436" sldId="2147483750"/>
              <pc:sldLayoutMk cId="3196187509" sldId="2147483751"/>
              <ac:spMk id="11" creationId="{8A73CCFF-5552-48F1-9864-22B3C0A66C86}"/>
            </ac:spMkLst>
          </pc:spChg>
          <pc:spChg chg="del">
            <ac:chgData name="Jonas Bratseth" userId="7880613d-1198-4bca-afa6-2725a9958330" providerId="ADAL" clId="{FF08786F-35DD-4FA5-91F3-FF8315EFC03A}" dt="2021-04-14T06:23:35.161" v="848" actId="478"/>
            <ac:spMkLst>
              <pc:docMk/>
              <pc:sldMasterMk cId="2320628436" sldId="2147483750"/>
              <pc:sldLayoutMk cId="3196187509" sldId="2147483751"/>
              <ac:spMk id="12" creationId="{C4136857-8A04-412B-B6B5-632FD407B032}"/>
            </ac:spMkLst>
          </pc:spChg>
          <pc:spChg chg="del">
            <ac:chgData name="Jonas Bratseth" userId="7880613d-1198-4bca-afa6-2725a9958330" providerId="ADAL" clId="{FF08786F-35DD-4FA5-91F3-FF8315EFC03A}" dt="2021-04-14T06:23:36.020" v="849" actId="478"/>
            <ac:spMkLst>
              <pc:docMk/>
              <pc:sldMasterMk cId="2320628436" sldId="2147483750"/>
              <pc:sldLayoutMk cId="3196187509" sldId="2147483751"/>
              <ac:spMk id="13" creationId="{8EDF94FC-487E-4582-A68F-1CE82F069903}"/>
            </ac:spMkLst>
          </pc:spChg>
          <pc:spChg chg="add del mod">
            <ac:chgData name="Jonas Bratseth" userId="7880613d-1198-4bca-afa6-2725a9958330" providerId="ADAL" clId="{FF08786F-35DD-4FA5-91F3-FF8315EFC03A}" dt="2021-04-14T06:58:04.348" v="883" actId="478"/>
            <ac:spMkLst>
              <pc:docMk/>
              <pc:sldMasterMk cId="2320628436" sldId="2147483750"/>
              <pc:sldLayoutMk cId="3196187509" sldId="2147483751"/>
              <ac:spMk id="14" creationId="{FA5F1A1B-5C2C-4280-9C9D-1167F2EA5F6E}"/>
            </ac:spMkLst>
          </pc:spChg>
          <pc:spChg chg="add del mod">
            <ac:chgData name="Jonas Bratseth" userId="7880613d-1198-4bca-afa6-2725a9958330" providerId="ADAL" clId="{FF08786F-35DD-4FA5-91F3-FF8315EFC03A}" dt="2021-04-14T06:58:06.603" v="884" actId="478"/>
            <ac:spMkLst>
              <pc:docMk/>
              <pc:sldMasterMk cId="2320628436" sldId="2147483750"/>
              <pc:sldLayoutMk cId="3196187509" sldId="2147483751"/>
              <ac:spMk id="15" creationId="{4A85635D-D284-4AD2-A9E0-54623A479B29}"/>
            </ac:spMkLst>
          </pc:spChg>
          <pc:spChg chg="add mod">
            <ac:chgData name="Jonas Bratseth" userId="7880613d-1198-4bca-afa6-2725a9958330" providerId="ADAL" clId="{FF08786F-35DD-4FA5-91F3-FF8315EFC03A}" dt="2021-04-14T06:58:07.508" v="885"/>
            <ac:spMkLst>
              <pc:docMk/>
              <pc:sldMasterMk cId="2320628436" sldId="2147483750"/>
              <pc:sldLayoutMk cId="3196187509" sldId="2147483751"/>
              <ac:spMk id="16" creationId="{461BABB1-A447-405B-AF28-D9AB8C3C9B6A}"/>
            </ac:spMkLst>
          </pc:spChg>
          <pc:spChg chg="add mod">
            <ac:chgData name="Jonas Bratseth" userId="7880613d-1198-4bca-afa6-2725a9958330" providerId="ADAL" clId="{FF08786F-35DD-4FA5-91F3-FF8315EFC03A}" dt="2021-04-14T06:58:07.508" v="885"/>
            <ac:spMkLst>
              <pc:docMk/>
              <pc:sldMasterMk cId="2320628436" sldId="2147483750"/>
              <pc:sldLayoutMk cId="3196187509" sldId="2147483751"/>
              <ac:spMk id="17" creationId="{B7CAE32E-E8A6-4610-94FE-E5A3D98AB5DB}"/>
            </ac:spMkLst>
          </pc:spChg>
        </pc:sldLayoutChg>
        <pc:sldLayoutChg chg="modSp mod">
          <pc:chgData name="Jonas Bratseth" userId="7880613d-1198-4bca-afa6-2725a9958330" providerId="ADAL" clId="{FF08786F-35DD-4FA5-91F3-FF8315EFC03A}" dt="2021-04-12T11:46:36.292" v="745" actId="207"/>
          <pc:sldLayoutMkLst>
            <pc:docMk/>
            <pc:sldMasterMk cId="2320628436" sldId="2147483750"/>
            <pc:sldLayoutMk cId="2474862996" sldId="2147483752"/>
          </pc:sldLayoutMkLst>
          <pc:spChg chg="mod">
            <ac:chgData name="Jonas Bratseth" userId="7880613d-1198-4bca-afa6-2725a9958330" providerId="ADAL" clId="{FF08786F-35DD-4FA5-91F3-FF8315EFC03A}" dt="2021-04-12T11:46:36.292" v="745" actId="207"/>
            <ac:spMkLst>
              <pc:docMk/>
              <pc:sldMasterMk cId="2320628436" sldId="2147483750"/>
              <pc:sldLayoutMk cId="2474862996" sldId="2147483752"/>
              <ac:spMk id="10" creationId="{21E2F243-8C06-4A1D-98D1-265080BF12EF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4T06:24:20.361" v="857"/>
          <pc:sldLayoutMkLst>
            <pc:docMk/>
            <pc:sldMasterMk cId="2320628436" sldId="2147483750"/>
            <pc:sldLayoutMk cId="1426839797" sldId="2147483753"/>
          </pc:sldLayoutMkLst>
          <pc:spChg chg="del">
            <ac:chgData name="Jonas Bratseth" userId="7880613d-1198-4bca-afa6-2725a9958330" providerId="ADAL" clId="{FF08786F-35DD-4FA5-91F3-FF8315EFC03A}" dt="2021-04-14T06:23:44.811" v="851" actId="478"/>
            <ac:spMkLst>
              <pc:docMk/>
              <pc:sldMasterMk cId="2320628436" sldId="2147483750"/>
              <pc:sldLayoutMk cId="1426839797" sldId="2147483753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FF08786F-35DD-4FA5-91F3-FF8315EFC03A}" dt="2021-04-14T06:23:46.081" v="852" actId="478"/>
            <ac:spMkLst>
              <pc:docMk/>
              <pc:sldMasterMk cId="2320628436" sldId="2147483750"/>
              <pc:sldLayoutMk cId="1426839797" sldId="2147483753"/>
              <ac:spMk id="3" creationId="{8637D6E0-F061-4BBC-8DBC-562373D266A8}"/>
            </ac:spMkLst>
          </pc:spChg>
          <pc:spChg chg="add del mod">
            <ac:chgData name="Jonas Bratseth" userId="7880613d-1198-4bca-afa6-2725a9958330" providerId="ADAL" clId="{FF08786F-35DD-4FA5-91F3-FF8315EFC03A}" dt="2021-04-14T06:24:17.071" v="854" actId="478"/>
            <ac:spMkLst>
              <pc:docMk/>
              <pc:sldMasterMk cId="2320628436" sldId="2147483750"/>
              <pc:sldLayoutMk cId="1426839797" sldId="2147483753"/>
              <ac:spMk id="9" creationId="{8E4ACA28-F236-4A00-9E13-B468D9B06E4B}"/>
            </ac:spMkLst>
          </pc:spChg>
          <pc:spChg chg="add del mod">
            <ac:chgData name="Jonas Bratseth" userId="7880613d-1198-4bca-afa6-2725a9958330" providerId="ADAL" clId="{FF08786F-35DD-4FA5-91F3-FF8315EFC03A}" dt="2021-04-14T06:24:18.476" v="855" actId="478"/>
            <ac:spMkLst>
              <pc:docMk/>
              <pc:sldMasterMk cId="2320628436" sldId="2147483750"/>
              <pc:sldLayoutMk cId="1426839797" sldId="2147483753"/>
              <ac:spMk id="10" creationId="{0D6A9986-1DA4-4FB4-A12A-5B9B67CE5350}"/>
            </ac:spMkLst>
          </pc:spChg>
          <pc:spChg chg="add del mod">
            <ac:chgData name="Jonas Bratseth" userId="7880613d-1198-4bca-afa6-2725a9958330" providerId="ADAL" clId="{FF08786F-35DD-4FA5-91F3-FF8315EFC03A}" dt="2021-04-14T06:24:19.509" v="856" actId="478"/>
            <ac:spMkLst>
              <pc:docMk/>
              <pc:sldMasterMk cId="2320628436" sldId="2147483750"/>
              <pc:sldLayoutMk cId="1426839797" sldId="2147483753"/>
              <ac:spMk id="11" creationId="{34EE1D80-2D14-44BA-8CA5-4625A0D836D4}"/>
            </ac:spMkLst>
          </pc:spChg>
          <pc:spChg chg="add mod">
            <ac:chgData name="Jonas Bratseth" userId="7880613d-1198-4bca-afa6-2725a9958330" providerId="ADAL" clId="{FF08786F-35DD-4FA5-91F3-FF8315EFC03A}" dt="2021-04-14T06:24:20.361" v="857"/>
            <ac:spMkLst>
              <pc:docMk/>
              <pc:sldMasterMk cId="2320628436" sldId="2147483750"/>
              <pc:sldLayoutMk cId="1426839797" sldId="2147483753"/>
              <ac:spMk id="12" creationId="{C5F535E3-A827-48E2-B683-3A78074E015A}"/>
            </ac:spMkLst>
          </pc:spChg>
          <pc:spChg chg="add mod">
            <ac:chgData name="Jonas Bratseth" userId="7880613d-1198-4bca-afa6-2725a9958330" providerId="ADAL" clId="{FF08786F-35DD-4FA5-91F3-FF8315EFC03A}" dt="2021-04-14T06:24:20.361" v="857"/>
            <ac:spMkLst>
              <pc:docMk/>
              <pc:sldMasterMk cId="2320628436" sldId="2147483750"/>
              <pc:sldLayoutMk cId="1426839797" sldId="2147483753"/>
              <ac:spMk id="15" creationId="{963AB43E-274F-4813-ABFF-B76361154E38}"/>
            </ac:spMkLst>
          </pc:spChg>
          <pc:spChg chg="add mod">
            <ac:chgData name="Jonas Bratseth" userId="7880613d-1198-4bca-afa6-2725a9958330" providerId="ADAL" clId="{FF08786F-35DD-4FA5-91F3-FF8315EFC03A}" dt="2021-04-14T06:24:20.361" v="857"/>
            <ac:spMkLst>
              <pc:docMk/>
              <pc:sldMasterMk cId="2320628436" sldId="2147483750"/>
              <pc:sldLayoutMk cId="1426839797" sldId="2147483753"/>
              <ac:spMk id="16" creationId="{705FF5DD-9FDA-4566-9B40-7642DC33ED9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14T06:24:25.421" v="860"/>
          <pc:sldLayoutMkLst>
            <pc:docMk/>
            <pc:sldMasterMk cId="2320628436" sldId="2147483750"/>
            <pc:sldLayoutMk cId="2720511642" sldId="2147483754"/>
          </pc:sldLayoutMkLst>
          <pc:spChg chg="del">
            <ac:chgData name="Jonas Bratseth" userId="7880613d-1198-4bca-afa6-2725a9958330" providerId="ADAL" clId="{FF08786F-35DD-4FA5-91F3-FF8315EFC03A}" dt="2021-04-14T06:24:23.391" v="858" actId="478"/>
            <ac:spMkLst>
              <pc:docMk/>
              <pc:sldMasterMk cId="2320628436" sldId="2147483750"/>
              <pc:sldLayoutMk cId="2720511642" sldId="2147483754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FF08786F-35DD-4FA5-91F3-FF8315EFC03A}" dt="2021-04-14T06:24:24.602" v="859" actId="478"/>
            <ac:spMkLst>
              <pc:docMk/>
              <pc:sldMasterMk cId="2320628436" sldId="2147483750"/>
              <pc:sldLayoutMk cId="2720511642" sldId="2147483754"/>
              <ac:spMk id="3" creationId="{8637D6E0-F061-4BBC-8DBC-562373D266A8}"/>
            </ac:spMkLst>
          </pc:spChg>
          <pc:spChg chg="add mod">
            <ac:chgData name="Jonas Bratseth" userId="7880613d-1198-4bca-afa6-2725a9958330" providerId="ADAL" clId="{FF08786F-35DD-4FA5-91F3-FF8315EFC03A}" dt="2021-04-14T06:24:25.421" v="860"/>
            <ac:spMkLst>
              <pc:docMk/>
              <pc:sldMasterMk cId="2320628436" sldId="2147483750"/>
              <pc:sldLayoutMk cId="2720511642" sldId="2147483754"/>
              <ac:spMk id="8" creationId="{22AB73FD-6699-4F8E-8AC4-31A9B51185C8}"/>
            </ac:spMkLst>
          </pc:spChg>
          <pc:spChg chg="add mod">
            <ac:chgData name="Jonas Bratseth" userId="7880613d-1198-4bca-afa6-2725a9958330" providerId="ADAL" clId="{FF08786F-35DD-4FA5-91F3-FF8315EFC03A}" dt="2021-04-14T06:24:25.421" v="860"/>
            <ac:spMkLst>
              <pc:docMk/>
              <pc:sldMasterMk cId="2320628436" sldId="2147483750"/>
              <pc:sldLayoutMk cId="2720511642" sldId="2147483754"/>
              <ac:spMk id="9" creationId="{E5A0517A-F36B-49B2-8737-F152A42C805E}"/>
            </ac:spMkLst>
          </pc:spChg>
          <pc:spChg chg="add mod">
            <ac:chgData name="Jonas Bratseth" userId="7880613d-1198-4bca-afa6-2725a9958330" providerId="ADAL" clId="{FF08786F-35DD-4FA5-91F3-FF8315EFC03A}" dt="2021-04-14T06:24:25.421" v="860"/>
            <ac:spMkLst>
              <pc:docMk/>
              <pc:sldMasterMk cId="2320628436" sldId="2147483750"/>
              <pc:sldLayoutMk cId="2720511642" sldId="2147483754"/>
              <ac:spMk id="10" creationId="{7C819F2B-234F-4A6E-BC98-756E17E805E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05.765" v="1112" actId="478"/>
          <pc:sldLayoutMkLst>
            <pc:docMk/>
            <pc:sldMasterMk cId="2320628436" sldId="2147483750"/>
            <pc:sldLayoutMk cId="3815573634" sldId="2147483755"/>
          </pc:sldLayoutMkLst>
          <pc:spChg chg="add mod ord">
            <ac:chgData name="Jonas Bratseth" userId="7880613d-1198-4bca-afa6-2725a9958330" providerId="ADAL" clId="{FF08786F-35DD-4FA5-91F3-FF8315EFC03A}" dt="2021-04-23T11:43:02.339" v="1111" actId="207"/>
            <ac:spMkLst>
              <pc:docMk/>
              <pc:sldMasterMk cId="2320628436" sldId="2147483750"/>
              <pc:sldLayoutMk cId="3815573634" sldId="2147483755"/>
              <ac:spMk id="3" creationId="{B30310D9-36FF-41E3-BE76-6C2A983940FC}"/>
            </ac:spMkLst>
          </pc:spChg>
          <pc:spChg chg="add del mod">
            <ac:chgData name="Jonas Bratseth" userId="7880613d-1198-4bca-afa6-2725a9958330" providerId="ADAL" clId="{FF08786F-35DD-4FA5-91F3-FF8315EFC03A}" dt="2021-04-23T11:42:29.021" v="1091" actId="478"/>
            <ac:spMkLst>
              <pc:docMk/>
              <pc:sldMasterMk cId="2320628436" sldId="2147483750"/>
              <pc:sldLayoutMk cId="3815573634" sldId="2147483755"/>
              <ac:spMk id="7" creationId="{7ADA8A5B-6FF7-4DC4-AF59-A98B9ED9A92D}"/>
            </ac:spMkLst>
          </pc:spChg>
          <pc:spChg chg="del mod">
            <ac:chgData name="Jonas Bratseth" userId="7880613d-1198-4bca-afa6-2725a9958330" providerId="ADAL" clId="{FF08786F-35DD-4FA5-91F3-FF8315EFC03A}" dt="2021-04-23T11:43:05.765" v="1112" actId="478"/>
            <ac:spMkLst>
              <pc:docMk/>
              <pc:sldMasterMk cId="2320628436" sldId="2147483750"/>
              <pc:sldLayoutMk cId="3815573634" sldId="2147483755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17.011" v="1114" actId="478"/>
          <pc:sldLayoutMkLst>
            <pc:docMk/>
            <pc:sldMasterMk cId="2320628436" sldId="2147483750"/>
            <pc:sldLayoutMk cId="364998319" sldId="2147483756"/>
          </pc:sldLayoutMkLst>
          <pc:spChg chg="add del mod">
            <ac:chgData name="Jonas Bratseth" userId="7880613d-1198-4bca-afa6-2725a9958330" providerId="ADAL" clId="{FF08786F-35DD-4FA5-91F3-FF8315EFC03A}" dt="2021-04-23T11:43:17.011" v="1114" actId="478"/>
            <ac:spMkLst>
              <pc:docMk/>
              <pc:sldMasterMk cId="2320628436" sldId="2147483750"/>
              <pc:sldLayoutMk cId="364998319" sldId="2147483756"/>
              <ac:spMk id="11" creationId="{AE3C12E5-2F4F-4D23-91A9-A0907C2B053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23.547" v="1117" actId="167"/>
          <pc:sldLayoutMkLst>
            <pc:docMk/>
            <pc:sldMasterMk cId="2320628436" sldId="2147483750"/>
            <pc:sldLayoutMk cId="2825092807" sldId="2147483757"/>
          </pc:sldLayoutMkLst>
          <pc:spChg chg="del mod">
            <ac:chgData name="Jonas Bratseth" userId="7880613d-1198-4bca-afa6-2725a9958330" providerId="ADAL" clId="{FF08786F-35DD-4FA5-91F3-FF8315EFC03A}" dt="2021-04-23T11:43:19.708" v="1115" actId="478"/>
            <ac:spMkLst>
              <pc:docMk/>
              <pc:sldMasterMk cId="2320628436" sldId="2147483750"/>
              <pc:sldLayoutMk cId="2825092807" sldId="2147483757"/>
              <ac:spMk id="6" creationId="{7644BE22-FE64-415A-82E1-57F426B630DE}"/>
            </ac:spMkLst>
          </pc:spChg>
          <pc:spChg chg="add mod ord">
            <ac:chgData name="Jonas Bratseth" userId="7880613d-1198-4bca-afa6-2725a9958330" providerId="ADAL" clId="{FF08786F-35DD-4FA5-91F3-FF8315EFC03A}" dt="2021-04-23T11:43:23.547" v="1117" actId="167"/>
            <ac:spMkLst>
              <pc:docMk/>
              <pc:sldMasterMk cId="2320628436" sldId="2147483750"/>
              <pc:sldLayoutMk cId="2825092807" sldId="2147483757"/>
              <ac:spMk id="10" creationId="{D65FD970-B6F5-48DC-9AA4-AC69DCFA1369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29.371" v="1120" actId="167"/>
          <pc:sldLayoutMkLst>
            <pc:docMk/>
            <pc:sldMasterMk cId="2320628436" sldId="2147483750"/>
            <pc:sldLayoutMk cId="2691689161" sldId="2147483758"/>
          </pc:sldLayoutMkLst>
          <pc:spChg chg="del mod">
            <ac:chgData name="Jonas Bratseth" userId="7880613d-1198-4bca-afa6-2725a9958330" providerId="ADAL" clId="{FF08786F-35DD-4FA5-91F3-FF8315EFC03A}" dt="2021-04-23T11:43:26.126" v="1118" actId="478"/>
            <ac:spMkLst>
              <pc:docMk/>
              <pc:sldMasterMk cId="2320628436" sldId="2147483750"/>
              <pc:sldLayoutMk cId="2691689161" sldId="2147483758"/>
              <ac:spMk id="10" creationId="{7C013883-E97D-43E6-B184-0B89BF36D874}"/>
            </ac:spMkLst>
          </pc:spChg>
          <pc:spChg chg="add mod ord">
            <ac:chgData name="Jonas Bratseth" userId="7880613d-1198-4bca-afa6-2725a9958330" providerId="ADAL" clId="{FF08786F-35DD-4FA5-91F3-FF8315EFC03A}" dt="2021-04-23T11:43:29.371" v="1120" actId="167"/>
            <ac:spMkLst>
              <pc:docMk/>
              <pc:sldMasterMk cId="2320628436" sldId="2147483750"/>
              <pc:sldLayoutMk cId="2691689161" sldId="2147483758"/>
              <ac:spMk id="13" creationId="{7BFE638F-3AD3-464E-BF13-79AB95AA7C2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34.954" v="1123" actId="167"/>
          <pc:sldLayoutMkLst>
            <pc:docMk/>
            <pc:sldMasterMk cId="2320628436" sldId="2147483750"/>
            <pc:sldLayoutMk cId="2521237057" sldId="2147483759"/>
          </pc:sldLayoutMkLst>
          <pc:spChg chg="del mod">
            <ac:chgData name="Jonas Bratseth" userId="7880613d-1198-4bca-afa6-2725a9958330" providerId="ADAL" clId="{FF08786F-35DD-4FA5-91F3-FF8315EFC03A}" dt="2021-04-23T11:43:31.688" v="1121" actId="478"/>
            <ac:spMkLst>
              <pc:docMk/>
              <pc:sldMasterMk cId="2320628436" sldId="2147483750"/>
              <pc:sldLayoutMk cId="2521237057" sldId="2147483759"/>
              <ac:spMk id="12" creationId="{47F12CFE-0C26-485F-80F4-13F403161141}"/>
            </ac:spMkLst>
          </pc:spChg>
          <pc:spChg chg="add mod ord">
            <ac:chgData name="Jonas Bratseth" userId="7880613d-1198-4bca-afa6-2725a9958330" providerId="ADAL" clId="{FF08786F-35DD-4FA5-91F3-FF8315EFC03A}" dt="2021-04-23T11:43:34.954" v="1123" actId="167"/>
            <ac:spMkLst>
              <pc:docMk/>
              <pc:sldMasterMk cId="2320628436" sldId="2147483750"/>
              <pc:sldLayoutMk cId="2521237057" sldId="2147483759"/>
              <ac:spMk id="13" creationId="{A7DD0381-8D8C-4D69-8735-BDFE5FEADB4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39.641" v="1126" actId="167"/>
          <pc:sldLayoutMkLst>
            <pc:docMk/>
            <pc:sldMasterMk cId="2320628436" sldId="2147483750"/>
            <pc:sldLayoutMk cId="3553216223" sldId="2147483760"/>
          </pc:sldLayoutMkLst>
          <pc:spChg chg="add mod ord">
            <ac:chgData name="Jonas Bratseth" userId="7880613d-1198-4bca-afa6-2725a9958330" providerId="ADAL" clId="{FF08786F-35DD-4FA5-91F3-FF8315EFC03A}" dt="2021-04-23T11:43:39.641" v="1126" actId="167"/>
            <ac:spMkLst>
              <pc:docMk/>
              <pc:sldMasterMk cId="2320628436" sldId="2147483750"/>
              <pc:sldLayoutMk cId="3553216223" sldId="2147483760"/>
              <ac:spMk id="15" creationId="{715B95E4-C4BF-4768-A1D0-3C89DC68BBF9}"/>
            </ac:spMkLst>
          </pc:spChg>
          <pc:spChg chg="del mod">
            <ac:chgData name="Jonas Bratseth" userId="7880613d-1198-4bca-afa6-2725a9958330" providerId="ADAL" clId="{FF08786F-35DD-4FA5-91F3-FF8315EFC03A}" dt="2021-04-23T11:43:36.874" v="1124" actId="478"/>
            <ac:spMkLst>
              <pc:docMk/>
              <pc:sldMasterMk cId="2320628436" sldId="2147483750"/>
              <pc:sldLayoutMk cId="3553216223" sldId="2147483760"/>
              <ac:spMk id="18" creationId="{328975A5-8F66-4443-899F-ECAAB50FF85A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45.643" v="1129" actId="167"/>
          <pc:sldLayoutMkLst>
            <pc:docMk/>
            <pc:sldMasterMk cId="2320628436" sldId="2147483750"/>
            <pc:sldLayoutMk cId="389349032" sldId="2147483761"/>
          </pc:sldLayoutMkLst>
          <pc:spChg chg="add mod ord">
            <ac:chgData name="Jonas Bratseth" userId="7880613d-1198-4bca-afa6-2725a9958330" providerId="ADAL" clId="{FF08786F-35DD-4FA5-91F3-FF8315EFC03A}" dt="2021-04-23T11:43:45.643" v="1129" actId="167"/>
            <ac:spMkLst>
              <pc:docMk/>
              <pc:sldMasterMk cId="2320628436" sldId="2147483750"/>
              <pc:sldLayoutMk cId="389349032" sldId="2147483761"/>
              <ac:spMk id="16" creationId="{4A37645F-00DE-4717-91AE-21B7FDD76BB4}"/>
            </ac:spMkLst>
          </pc:spChg>
          <pc:spChg chg="del mod">
            <ac:chgData name="Jonas Bratseth" userId="7880613d-1198-4bca-afa6-2725a9958330" providerId="ADAL" clId="{FF08786F-35DD-4FA5-91F3-FF8315EFC03A}" dt="2021-04-23T11:43:43.203" v="1127" actId="478"/>
            <ac:spMkLst>
              <pc:docMk/>
              <pc:sldMasterMk cId="2320628436" sldId="2147483750"/>
              <pc:sldLayoutMk cId="389349032" sldId="2147483761"/>
              <ac:spMk id="20" creationId="{526315F1-9453-435E-AEA2-FA55B81D4DD5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3:57.244" v="1135" actId="167"/>
          <pc:sldLayoutMkLst>
            <pc:docMk/>
            <pc:sldMasterMk cId="2320628436" sldId="2147483750"/>
            <pc:sldLayoutMk cId="4237794960" sldId="2147483762"/>
          </pc:sldLayoutMkLst>
          <pc:spChg chg="del mod">
            <ac:chgData name="Jonas Bratseth" userId="7880613d-1198-4bca-afa6-2725a9958330" providerId="ADAL" clId="{FF08786F-35DD-4FA5-91F3-FF8315EFC03A}" dt="2021-04-23T11:43:53.156" v="1132" actId="478"/>
            <ac:spMkLst>
              <pc:docMk/>
              <pc:sldMasterMk cId="2320628436" sldId="2147483750"/>
              <pc:sldLayoutMk cId="4237794960" sldId="2147483762"/>
              <ac:spMk id="8" creationId="{DA67FE83-5DC7-4783-8255-88F8A967B2A5}"/>
            </ac:spMkLst>
          </pc:spChg>
          <pc:spChg chg="add del mod">
            <ac:chgData name="Jonas Bratseth" userId="7880613d-1198-4bca-afa6-2725a9958330" providerId="ADAL" clId="{FF08786F-35DD-4FA5-91F3-FF8315EFC03A}" dt="2021-04-23T11:43:52" v="1131" actId="478"/>
            <ac:spMkLst>
              <pc:docMk/>
              <pc:sldMasterMk cId="2320628436" sldId="2147483750"/>
              <pc:sldLayoutMk cId="4237794960" sldId="2147483762"/>
              <ac:spMk id="14" creationId="{FF58836F-2232-4B2B-A187-0657677F7211}"/>
            </ac:spMkLst>
          </pc:spChg>
          <pc:spChg chg="add mod ord">
            <ac:chgData name="Jonas Bratseth" userId="7880613d-1198-4bca-afa6-2725a9958330" providerId="ADAL" clId="{FF08786F-35DD-4FA5-91F3-FF8315EFC03A}" dt="2021-04-23T11:43:57.244" v="1135" actId="167"/>
            <ac:spMkLst>
              <pc:docMk/>
              <pc:sldMasterMk cId="2320628436" sldId="2147483750"/>
              <pc:sldLayoutMk cId="4237794960" sldId="2147483762"/>
              <ac:spMk id="15" creationId="{47496953-5DEE-49B4-8211-9067CD1A6D41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4:03.653" v="1138" actId="167"/>
          <pc:sldLayoutMkLst>
            <pc:docMk/>
            <pc:sldMasterMk cId="2320628436" sldId="2147483750"/>
            <pc:sldLayoutMk cId="1968016115" sldId="2147483763"/>
          </pc:sldLayoutMkLst>
          <pc:spChg chg="add mod ord">
            <ac:chgData name="Jonas Bratseth" userId="7880613d-1198-4bca-afa6-2725a9958330" providerId="ADAL" clId="{FF08786F-35DD-4FA5-91F3-FF8315EFC03A}" dt="2021-04-23T11:44:03.653" v="1138" actId="167"/>
            <ac:spMkLst>
              <pc:docMk/>
              <pc:sldMasterMk cId="2320628436" sldId="2147483750"/>
              <pc:sldLayoutMk cId="1968016115" sldId="2147483763"/>
              <ac:spMk id="14" creationId="{3DE3B279-DDF8-466D-BAE3-E1818024BF9A}"/>
            </ac:spMkLst>
          </pc:spChg>
          <pc:spChg chg="del mod">
            <ac:chgData name="Jonas Bratseth" userId="7880613d-1198-4bca-afa6-2725a9958330" providerId="ADAL" clId="{FF08786F-35DD-4FA5-91F3-FF8315EFC03A}" dt="2021-04-23T11:44:00.903" v="1136" actId="478"/>
            <ac:spMkLst>
              <pc:docMk/>
              <pc:sldMasterMk cId="2320628436" sldId="2147483750"/>
              <pc:sldLayoutMk cId="1968016115" sldId="2147483763"/>
              <ac:spMk id="18" creationId="{71F87A5E-1300-4E96-AF48-FE64EB03BE75}"/>
            </ac:spMkLst>
          </pc:spChg>
          <pc:spChg chg="mod">
            <ac:chgData name="Jonas Bratseth" userId="7880613d-1198-4bca-afa6-2725a9958330" providerId="ADAL" clId="{FF08786F-35DD-4FA5-91F3-FF8315EFC03A}" dt="2021-04-14T07:00:11.476" v="889" actId="14100"/>
            <ac:spMkLst>
              <pc:docMk/>
              <pc:sldMasterMk cId="2320628436" sldId="2147483750"/>
              <pc:sldLayoutMk cId="1968016115" sldId="2147483763"/>
              <ac:spMk id="25" creationId="{491A31F3-225A-4D87-ADDA-6E4F2B4414BC}"/>
            </ac:spMkLst>
          </pc:spChg>
          <pc:spChg chg="mod">
            <ac:chgData name="Jonas Bratseth" userId="7880613d-1198-4bca-afa6-2725a9958330" providerId="ADAL" clId="{FF08786F-35DD-4FA5-91F3-FF8315EFC03A}" dt="2021-04-14T07:00:14.681" v="891"/>
            <ac:spMkLst>
              <pc:docMk/>
              <pc:sldMasterMk cId="2320628436" sldId="2147483750"/>
              <pc:sldLayoutMk cId="1968016115" sldId="2147483763"/>
              <ac:spMk id="29" creationId="{39E9E977-CEA3-4EC6-B64B-8B752209210F}"/>
            </ac:spMkLst>
          </pc:spChg>
          <pc:spChg chg="mod">
            <ac:chgData name="Jonas Bratseth" userId="7880613d-1198-4bca-afa6-2725a9958330" providerId="ADAL" clId="{FF08786F-35DD-4FA5-91F3-FF8315EFC03A}" dt="2021-04-14T07:00:14.682" v="893"/>
            <ac:spMkLst>
              <pc:docMk/>
              <pc:sldMasterMk cId="2320628436" sldId="2147483750"/>
              <pc:sldLayoutMk cId="1968016115" sldId="2147483763"/>
              <ac:spMk id="31" creationId="{9A0707BB-1CE3-46AA-B7BC-5BE7AF8A6C7E}"/>
            </ac:spMkLst>
          </pc:spChg>
          <pc:spChg chg="del">
            <ac:chgData name="Jonas Bratseth" userId="7880613d-1198-4bca-afa6-2725a9958330" providerId="ADAL" clId="{FF08786F-35DD-4FA5-91F3-FF8315EFC03A}" dt="2021-04-14T06:59:45.076" v="888" actId="478"/>
            <ac:spMkLst>
              <pc:docMk/>
              <pc:sldMasterMk cId="2320628436" sldId="2147483750"/>
              <pc:sldLayoutMk cId="1968016115" sldId="2147483763"/>
              <ac:spMk id="32" creationId="{9499EFE1-8CBA-423F-8122-58E739F6751B}"/>
            </ac:spMkLst>
          </pc:spChg>
          <pc:spChg chg="del">
            <ac:chgData name="Jonas Bratseth" userId="7880613d-1198-4bca-afa6-2725a9958330" providerId="ADAL" clId="{FF08786F-35DD-4FA5-91F3-FF8315EFC03A}" dt="2021-04-14T06:59:45.076" v="888" actId="478"/>
            <ac:spMkLst>
              <pc:docMk/>
              <pc:sldMasterMk cId="2320628436" sldId="2147483750"/>
              <pc:sldLayoutMk cId="1968016115" sldId="2147483763"/>
              <ac:spMk id="34" creationId="{4663B884-1B37-4D3C-BA4C-6E4DFDC6B7E9}"/>
            </ac:spMkLst>
          </pc:spChg>
          <pc:spChg chg="mod">
            <ac:chgData name="Jonas Bratseth" userId="7880613d-1198-4bca-afa6-2725a9958330" providerId="ADAL" clId="{FF08786F-35DD-4FA5-91F3-FF8315EFC03A}" dt="2021-04-14T07:00:14.682" v="895"/>
            <ac:spMkLst>
              <pc:docMk/>
              <pc:sldMasterMk cId="2320628436" sldId="2147483750"/>
              <pc:sldLayoutMk cId="1968016115" sldId="2147483763"/>
              <ac:spMk id="35" creationId="{F561E615-F952-477F-8C9B-46657624D0D6}"/>
            </ac:spMkLst>
          </pc:spChg>
          <pc:spChg chg="del">
            <ac:chgData name="Jonas Bratseth" userId="7880613d-1198-4bca-afa6-2725a9958330" providerId="ADAL" clId="{FF08786F-35DD-4FA5-91F3-FF8315EFC03A}" dt="2021-04-14T06:59:45.076" v="888" actId="478"/>
            <ac:spMkLst>
              <pc:docMk/>
              <pc:sldMasterMk cId="2320628436" sldId="2147483750"/>
              <pc:sldLayoutMk cId="1968016115" sldId="2147483763"/>
              <ac:spMk id="36" creationId="{D5AEE4FD-CC8C-4092-AAA0-989B431A8483}"/>
            </ac:spMkLst>
          </pc:spChg>
          <pc:spChg chg="del">
            <ac:chgData name="Jonas Bratseth" userId="7880613d-1198-4bca-afa6-2725a9958330" providerId="ADAL" clId="{FF08786F-35DD-4FA5-91F3-FF8315EFC03A}" dt="2021-04-14T06:59:45.076" v="888" actId="478"/>
            <ac:spMkLst>
              <pc:docMk/>
              <pc:sldMasterMk cId="2320628436" sldId="2147483750"/>
              <pc:sldLayoutMk cId="1968016115" sldId="2147483763"/>
              <ac:spMk id="41" creationId="{D5EB240A-3766-4487-8B37-EF0F3B69118B}"/>
            </ac:spMkLst>
          </pc:spChg>
          <pc:spChg chg="del">
            <ac:chgData name="Jonas Bratseth" userId="7880613d-1198-4bca-afa6-2725a9958330" providerId="ADAL" clId="{FF08786F-35DD-4FA5-91F3-FF8315EFC03A}" dt="2021-04-14T06:59:45.076" v="888" actId="478"/>
            <ac:spMkLst>
              <pc:docMk/>
              <pc:sldMasterMk cId="2320628436" sldId="2147483750"/>
              <pc:sldLayoutMk cId="1968016115" sldId="2147483763"/>
              <ac:spMk id="42" creationId="{E7A50160-9C8F-4AEA-B2A9-645F2215554C}"/>
            </ac:spMkLst>
          </pc:spChg>
          <pc:cxnChg chg="del">
            <ac:chgData name="Jonas Bratseth" userId="7880613d-1198-4bca-afa6-2725a9958330" providerId="ADAL" clId="{FF08786F-35DD-4FA5-91F3-FF8315EFC03A}" dt="2021-04-14T06:59:45.076" v="888" actId="478"/>
            <ac:cxnSpMkLst>
              <pc:docMk/>
              <pc:sldMasterMk cId="2320628436" sldId="2147483750"/>
              <pc:sldLayoutMk cId="1968016115" sldId="2147483763"/>
              <ac:cxnSpMk id="46" creationId="{07D70D71-7D65-456F-8918-0D83F0B88E9C}"/>
            </ac:cxnSpMkLst>
          </pc:cxnChg>
        </pc:sldLayoutChg>
        <pc:sldLayoutChg chg="addSp delSp modSp mod">
          <pc:chgData name="Jonas Bratseth" userId="7880613d-1198-4bca-afa6-2725a9958330" providerId="ADAL" clId="{FF08786F-35DD-4FA5-91F3-FF8315EFC03A}" dt="2021-04-23T11:44:08.706" v="1141" actId="167"/>
          <pc:sldLayoutMkLst>
            <pc:docMk/>
            <pc:sldMasterMk cId="2320628436" sldId="2147483750"/>
            <pc:sldLayoutMk cId="3826938538" sldId="2147483764"/>
          </pc:sldLayoutMkLst>
          <pc:spChg chg="add mod ord">
            <ac:chgData name="Jonas Bratseth" userId="7880613d-1198-4bca-afa6-2725a9958330" providerId="ADAL" clId="{FF08786F-35DD-4FA5-91F3-FF8315EFC03A}" dt="2021-04-23T11:44:08.706" v="1141" actId="167"/>
            <ac:spMkLst>
              <pc:docMk/>
              <pc:sldMasterMk cId="2320628436" sldId="2147483750"/>
              <pc:sldLayoutMk cId="3826938538" sldId="2147483764"/>
              <ac:spMk id="18" creationId="{76539932-1E73-416C-8188-05D9D9AB2176}"/>
            </ac:spMkLst>
          </pc:spChg>
          <pc:spChg chg="del mod">
            <ac:chgData name="Jonas Bratseth" userId="7880613d-1198-4bca-afa6-2725a9958330" providerId="ADAL" clId="{FF08786F-35DD-4FA5-91F3-FF8315EFC03A}" dt="2021-04-23T11:44:06.359" v="1139" actId="478"/>
            <ac:spMkLst>
              <pc:docMk/>
              <pc:sldMasterMk cId="2320628436" sldId="2147483750"/>
              <pc:sldLayoutMk cId="3826938538" sldId="2147483764"/>
              <ac:spMk id="20" creationId="{AC1B5946-BFD6-40B1-A104-411E61CBC47D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4:31.193" v="1147" actId="167"/>
          <pc:sldLayoutMkLst>
            <pc:docMk/>
            <pc:sldMasterMk cId="2320628436" sldId="2147483750"/>
            <pc:sldLayoutMk cId="3568688972" sldId="2147483765"/>
          </pc:sldLayoutMkLst>
          <pc:spChg chg="del mod">
            <ac:chgData name="Jonas Bratseth" userId="7880613d-1198-4bca-afa6-2725a9958330" providerId="ADAL" clId="{FF08786F-35DD-4FA5-91F3-FF8315EFC03A}" dt="2021-04-23T11:44:28.035" v="1145" actId="478"/>
            <ac:spMkLst>
              <pc:docMk/>
              <pc:sldMasterMk cId="2320628436" sldId="2147483750"/>
              <pc:sldLayoutMk cId="3568688972" sldId="2147483765"/>
              <ac:spMk id="4" creationId="{5511272A-7492-4B8C-A913-E3689317DDA0}"/>
            </ac:spMkLst>
          </pc:spChg>
          <pc:spChg chg="add mod ord">
            <ac:chgData name="Jonas Bratseth" userId="7880613d-1198-4bca-afa6-2725a9958330" providerId="ADAL" clId="{FF08786F-35DD-4FA5-91F3-FF8315EFC03A}" dt="2021-04-23T11:44:31.193" v="1147" actId="167"/>
            <ac:spMkLst>
              <pc:docMk/>
              <pc:sldMasterMk cId="2320628436" sldId="2147483750"/>
              <pc:sldLayoutMk cId="3568688972" sldId="2147483765"/>
              <ac:spMk id="8" creationId="{08837074-A41C-4499-BC7D-9E0AF85D67FB}"/>
            </ac:spMkLst>
          </pc:spChg>
        </pc:sldLayoutChg>
        <pc:sldLayoutChg chg="addSp delSp modSp mod">
          <pc:chgData name="Jonas Bratseth" userId="7880613d-1198-4bca-afa6-2725a9958330" providerId="ADAL" clId="{FF08786F-35DD-4FA5-91F3-FF8315EFC03A}" dt="2021-04-23T11:44:12.835" v="1144" actId="167"/>
          <pc:sldLayoutMkLst>
            <pc:docMk/>
            <pc:sldMasterMk cId="2320628436" sldId="2147483750"/>
            <pc:sldLayoutMk cId="3113852648" sldId="2147483785"/>
          </pc:sldLayoutMkLst>
          <pc:spChg chg="add del mod">
            <ac:chgData name="Jonas Bratseth" userId="7880613d-1198-4bca-afa6-2725a9958330" providerId="ADAL" clId="{FF08786F-35DD-4FA5-91F3-FF8315EFC03A}" dt="2021-04-23T11:44:10.279" v="1142" actId="478"/>
            <ac:spMkLst>
              <pc:docMk/>
              <pc:sldMasterMk cId="2320628436" sldId="2147483750"/>
              <pc:sldLayoutMk cId="3113852648" sldId="2147483785"/>
              <ac:spMk id="12" creationId="{98D9657F-90AA-40C4-9DD7-37C9539F7ACD}"/>
            </ac:spMkLst>
          </pc:spChg>
          <pc:spChg chg="add mod">
            <ac:chgData name="Jonas Bratseth" userId="7880613d-1198-4bca-afa6-2725a9958330" providerId="ADAL" clId="{FF08786F-35DD-4FA5-91F3-FF8315EFC03A}" dt="2021-04-14T07:00:48.807" v="897"/>
            <ac:spMkLst>
              <pc:docMk/>
              <pc:sldMasterMk cId="2320628436" sldId="2147483750"/>
              <pc:sldLayoutMk cId="3113852648" sldId="2147483785"/>
              <ac:spMk id="13" creationId="{90A882E4-74CE-4D92-BC8D-06B977AEB64A}"/>
            </ac:spMkLst>
          </pc:spChg>
          <pc:spChg chg="add mod">
            <ac:chgData name="Jonas Bratseth" userId="7880613d-1198-4bca-afa6-2725a9958330" providerId="ADAL" clId="{FF08786F-35DD-4FA5-91F3-FF8315EFC03A}" dt="2021-04-14T07:00:48.807" v="897"/>
            <ac:spMkLst>
              <pc:docMk/>
              <pc:sldMasterMk cId="2320628436" sldId="2147483750"/>
              <pc:sldLayoutMk cId="3113852648" sldId="2147483785"/>
              <ac:spMk id="14" creationId="{0B11BCFA-81AC-404C-B12E-AB24A852C210}"/>
            </ac:spMkLst>
          </pc:spChg>
          <pc:spChg chg="add mod ord">
            <ac:chgData name="Jonas Bratseth" userId="7880613d-1198-4bca-afa6-2725a9958330" providerId="ADAL" clId="{FF08786F-35DD-4FA5-91F3-FF8315EFC03A}" dt="2021-04-23T11:44:12.835" v="1144" actId="167"/>
            <ac:spMkLst>
              <pc:docMk/>
              <pc:sldMasterMk cId="2320628436" sldId="2147483750"/>
              <pc:sldLayoutMk cId="3113852648" sldId="2147483785"/>
              <ac:spMk id="15" creationId="{A7B3EC54-C1D9-4993-BCF2-0F580D9823AB}"/>
            </ac:spMkLst>
          </pc:spChg>
          <pc:spChg chg="del">
            <ac:chgData name="Jonas Bratseth" userId="7880613d-1198-4bca-afa6-2725a9958330" providerId="ADAL" clId="{FF08786F-35DD-4FA5-91F3-FF8315EFC03A}" dt="2021-04-14T07:00:47.982" v="896" actId="478"/>
            <ac:spMkLst>
              <pc:docMk/>
              <pc:sldMasterMk cId="2320628436" sldId="2147483750"/>
              <pc:sldLayoutMk cId="3113852648" sldId="2147483785"/>
              <ac:spMk id="19" creationId="{61A31FA8-45E7-4F21-920C-1CD45F20D7EB}"/>
            </ac:spMkLst>
          </pc:spChg>
        </pc:sldLayoutChg>
      </pc:sldMasterChg>
      <pc:sldMasterChg chg="addSp delSp modSp mod setBg modSldLayout">
        <pc:chgData name="Jonas Bratseth" userId="7880613d-1198-4bca-afa6-2725a9958330" providerId="ADAL" clId="{FF08786F-35DD-4FA5-91F3-FF8315EFC03A}" dt="2021-04-23T11:39:56.499" v="1053" actId="478"/>
        <pc:sldMasterMkLst>
          <pc:docMk/>
          <pc:sldMasterMk cId="2243831206" sldId="2147483767"/>
        </pc:sldMasterMkLst>
        <pc:spChg chg="mod">
          <ac:chgData name="Jonas Bratseth" userId="7880613d-1198-4bca-afa6-2725a9958330" providerId="ADAL" clId="{FF08786F-35DD-4FA5-91F3-FF8315EFC03A}" dt="2021-04-13T06:00:33.067" v="760" actId="207"/>
          <ac:spMkLst>
            <pc:docMk/>
            <pc:sldMasterMk cId="2243831206" sldId="2147483767"/>
            <ac:spMk id="2" creationId="{EC00E0C1-94DD-4E87-91A3-A53B9DA66CC3}"/>
          </ac:spMkLst>
        </pc:spChg>
        <pc:spChg chg="mod">
          <ac:chgData name="Jonas Bratseth" userId="7880613d-1198-4bca-afa6-2725a9958330" providerId="ADAL" clId="{FF08786F-35DD-4FA5-91F3-FF8315EFC03A}" dt="2021-04-13T06:00:30.799" v="759" actId="207"/>
          <ac:spMkLst>
            <pc:docMk/>
            <pc:sldMasterMk cId="2243831206" sldId="2147483767"/>
            <ac:spMk id="3" creationId="{FB7FA735-9FEC-45E4-8627-8C8C6073AC5F}"/>
          </ac:spMkLst>
        </pc:spChg>
        <pc:spChg chg="mod">
          <ac:chgData name="Jonas Bratseth" userId="7880613d-1198-4bca-afa6-2725a9958330" providerId="ADAL" clId="{FF08786F-35DD-4FA5-91F3-FF8315EFC03A}" dt="2021-04-13T06:08:23.772" v="800" actId="207"/>
          <ac:spMkLst>
            <pc:docMk/>
            <pc:sldMasterMk cId="2243831206" sldId="2147483767"/>
            <ac:spMk id="5" creationId="{596F47F6-6A98-4E1E-B01E-2BE8C7E1830A}"/>
          </ac:spMkLst>
        </pc:spChg>
        <pc:picChg chg="add mod modVis">
          <ac:chgData name="Jonas Bratseth" userId="7880613d-1198-4bca-afa6-2725a9958330" providerId="ADAL" clId="{FF08786F-35DD-4FA5-91F3-FF8315EFC03A}" dt="2021-04-13T06:04:37.745" v="776" actId="14429"/>
          <ac:picMkLst>
            <pc:docMk/>
            <pc:sldMasterMk cId="2243831206" sldId="2147483767"/>
            <ac:picMk id="6" creationId="{3FEE7967-53CC-4021-BDEB-20FE13A57324}"/>
          </ac:picMkLst>
        </pc:picChg>
        <pc:picChg chg="del">
          <ac:chgData name="Jonas Bratseth" userId="7880613d-1198-4bca-afa6-2725a9958330" providerId="ADAL" clId="{FF08786F-35DD-4FA5-91F3-FF8315EFC03A}" dt="2021-04-13T06:04:35.638" v="775" actId="478"/>
          <ac:picMkLst>
            <pc:docMk/>
            <pc:sldMasterMk cId="2243831206" sldId="2147483767"/>
            <ac:picMk id="14" creationId="{734540D3-19D1-4343-B2B9-64CF5617C5FD}"/>
          </ac:picMkLst>
        </pc:picChg>
        <pc:sldLayoutChg chg="addSp delSp modSp mod">
          <pc:chgData name="Jonas Bratseth" userId="7880613d-1198-4bca-afa6-2725a9958330" providerId="ADAL" clId="{FF08786F-35DD-4FA5-91F3-FF8315EFC03A}" dt="2021-04-23T11:39:56.499" v="1053" actId="478"/>
          <pc:sldLayoutMkLst>
            <pc:docMk/>
            <pc:sldMasterMk cId="2243831206" sldId="2147483767"/>
            <pc:sldLayoutMk cId="1983850776" sldId="2147483768"/>
          </pc:sldLayoutMkLst>
          <pc:spChg chg="mod">
            <ac:chgData name="Jonas Bratseth" userId="7880613d-1198-4bca-afa6-2725a9958330" providerId="ADAL" clId="{FF08786F-35DD-4FA5-91F3-FF8315EFC03A}" dt="2021-04-13T06:08:21.064" v="799" actId="207"/>
            <ac:spMkLst>
              <pc:docMk/>
              <pc:sldMasterMk cId="2243831206" sldId="2147483767"/>
              <pc:sldLayoutMk cId="1983850776" sldId="2147483768"/>
              <ac:spMk id="11" creationId="{A4B5E9D0-5AD0-4620-898F-B8CBAD3BCBA3}"/>
            </ac:spMkLst>
          </pc:spChg>
          <pc:spChg chg="add del mod">
            <ac:chgData name="Jonas Bratseth" userId="7880613d-1198-4bca-afa6-2725a9958330" providerId="ADAL" clId="{FF08786F-35DD-4FA5-91F3-FF8315EFC03A}" dt="2021-04-23T11:39:29.927" v="1050" actId="478"/>
            <ac:spMkLst>
              <pc:docMk/>
              <pc:sldMasterMk cId="2243831206" sldId="2147483767"/>
              <pc:sldLayoutMk cId="1983850776" sldId="2147483768"/>
              <ac:spMk id="14" creationId="{1B073A86-0531-481B-A9B1-EEA48852F4DE}"/>
            </ac:spMkLst>
          </pc:spChg>
          <pc:spChg chg="add del mod">
            <ac:chgData name="Jonas Bratseth" userId="7880613d-1198-4bca-afa6-2725a9958330" providerId="ADAL" clId="{FF08786F-35DD-4FA5-91F3-FF8315EFC03A}" dt="2021-04-23T11:39:56.499" v="1053" actId="478"/>
            <ac:spMkLst>
              <pc:docMk/>
              <pc:sldMasterMk cId="2243831206" sldId="2147483767"/>
              <pc:sldLayoutMk cId="1983850776" sldId="2147483768"/>
              <ac:spMk id="15" creationId="{94B7906E-2C66-421F-9FA3-5C5083F631EC}"/>
            </ac:spMkLst>
          </pc:spChg>
          <pc:picChg chg="add mod">
            <ac:chgData name="Jonas Bratseth" userId="7880613d-1198-4bca-afa6-2725a9958330" providerId="ADAL" clId="{FF08786F-35DD-4FA5-91F3-FF8315EFC03A}" dt="2021-04-13T06:04:57.237" v="779"/>
            <ac:picMkLst>
              <pc:docMk/>
              <pc:sldMasterMk cId="2243831206" sldId="2147483767"/>
              <pc:sldLayoutMk cId="1983850776" sldId="2147483768"/>
              <ac:picMk id="9" creationId="{31B4F5CB-508E-40CD-99E9-A75C5CF5181B}"/>
            </ac:picMkLst>
          </pc:picChg>
          <pc:picChg chg="del">
            <ac:chgData name="Jonas Bratseth" userId="7880613d-1198-4bca-afa6-2725a9958330" providerId="ADAL" clId="{FF08786F-35DD-4FA5-91F3-FF8315EFC03A}" dt="2021-04-13T06:04:52.309" v="778" actId="478"/>
            <ac:picMkLst>
              <pc:docMk/>
              <pc:sldMasterMk cId="2243831206" sldId="2147483767"/>
              <pc:sldLayoutMk cId="1983850776" sldId="2147483768"/>
              <ac:picMk id="31" creationId="{655D799E-E9E5-46D2-A4A8-C2991ED7CD80}"/>
            </ac:picMkLst>
          </pc:picChg>
        </pc:sldLayoutChg>
        <pc:sldLayoutChg chg="delSp modSp mod">
          <pc:chgData name="Jonas Bratseth" userId="7880613d-1198-4bca-afa6-2725a9958330" providerId="ADAL" clId="{FF08786F-35DD-4FA5-91F3-FF8315EFC03A}" dt="2021-04-13T06:05:17.984" v="781" actId="478"/>
          <pc:sldLayoutMkLst>
            <pc:docMk/>
            <pc:sldMasterMk cId="2243831206" sldId="2147483767"/>
            <pc:sldLayoutMk cId="781437595" sldId="2147483769"/>
          </pc:sldLayoutMkLst>
          <pc:spChg chg="mod">
            <ac:chgData name="Jonas Bratseth" userId="7880613d-1198-4bca-afa6-2725a9958330" providerId="ADAL" clId="{FF08786F-35DD-4FA5-91F3-FF8315EFC03A}" dt="2021-04-13T06:05:08.881" v="780" actId="207"/>
            <ac:spMkLst>
              <pc:docMk/>
              <pc:sldMasterMk cId="2243831206" sldId="2147483767"/>
              <pc:sldLayoutMk cId="781437595" sldId="2147483769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FF08786F-35DD-4FA5-91F3-FF8315EFC03A}" dt="2021-04-13T06:05:08.881" v="780" actId="207"/>
            <ac:spMkLst>
              <pc:docMk/>
              <pc:sldMasterMk cId="2243831206" sldId="2147483767"/>
              <pc:sldLayoutMk cId="781437595" sldId="2147483769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FF08786F-35DD-4FA5-91F3-FF8315EFC03A}" dt="2021-04-13T06:05:08.881" v="780" actId="207"/>
            <ac:spMkLst>
              <pc:docMk/>
              <pc:sldMasterMk cId="2243831206" sldId="2147483767"/>
              <pc:sldLayoutMk cId="781437595" sldId="2147483769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FF08786F-35DD-4FA5-91F3-FF8315EFC03A}" dt="2021-04-13T06:05:08.881" v="780" actId="207"/>
            <ac:spMkLst>
              <pc:docMk/>
              <pc:sldMasterMk cId="2243831206" sldId="2147483767"/>
              <pc:sldLayoutMk cId="781437595" sldId="2147483769"/>
              <ac:spMk id="9" creationId="{47C6278C-3D38-4D4F-9845-8E9C33C17261}"/>
            </ac:spMkLst>
          </pc:spChg>
          <pc:picChg chg="del">
            <ac:chgData name="Jonas Bratseth" userId="7880613d-1198-4bca-afa6-2725a9958330" providerId="ADAL" clId="{FF08786F-35DD-4FA5-91F3-FF8315EFC03A}" dt="2021-04-13T06:05:17.984" v="781" actId="478"/>
            <ac:picMkLst>
              <pc:docMk/>
              <pc:sldMasterMk cId="2243831206" sldId="2147483767"/>
              <pc:sldLayoutMk cId="781437595" sldId="2147483769"/>
              <ac:picMk id="31" creationId="{655D799E-E9E5-46D2-A4A8-C2991ED7CD80}"/>
            </ac:picMkLst>
          </pc:picChg>
        </pc:sldLayoutChg>
        <pc:sldLayoutChg chg="addSp delSp modSp mod setBg">
          <pc:chgData name="Jonas Bratseth" userId="7880613d-1198-4bca-afa6-2725a9958330" providerId="ADAL" clId="{FF08786F-35DD-4FA5-91F3-FF8315EFC03A}" dt="2021-04-14T06:17:43.398" v="821" actId="207"/>
          <pc:sldLayoutMkLst>
            <pc:docMk/>
            <pc:sldMasterMk cId="2243831206" sldId="2147483767"/>
            <pc:sldLayoutMk cId="2098187026" sldId="2147483770"/>
          </pc:sldLayoutMkLst>
          <pc:spChg chg="mod">
            <ac:chgData name="Jonas Bratseth" userId="7880613d-1198-4bca-afa6-2725a9958330" providerId="ADAL" clId="{FF08786F-35DD-4FA5-91F3-FF8315EFC03A}" dt="2021-04-14T06:17:36.472" v="819" actId="207"/>
            <ac:spMkLst>
              <pc:docMk/>
              <pc:sldMasterMk cId="2243831206" sldId="2147483767"/>
              <pc:sldLayoutMk cId="2098187026" sldId="2147483770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FF08786F-35DD-4FA5-91F3-FF8315EFC03A}" dt="2021-04-14T06:17:39.811" v="820" actId="207"/>
            <ac:spMkLst>
              <pc:docMk/>
              <pc:sldMasterMk cId="2243831206" sldId="2147483767"/>
              <pc:sldLayoutMk cId="2098187026" sldId="2147483770"/>
              <ac:spMk id="21" creationId="{97978271-5187-4431-9708-C927DF0F7F6D}"/>
            </ac:spMkLst>
          </pc:spChg>
          <pc:spChg chg="mod">
            <ac:chgData name="Jonas Bratseth" userId="7880613d-1198-4bca-afa6-2725a9958330" providerId="ADAL" clId="{FF08786F-35DD-4FA5-91F3-FF8315EFC03A}" dt="2021-04-14T06:17:43.398" v="821" actId="207"/>
            <ac:spMkLst>
              <pc:docMk/>
              <pc:sldMasterMk cId="2243831206" sldId="2147483767"/>
              <pc:sldLayoutMk cId="2098187026" sldId="2147483770"/>
              <ac:spMk id="22" creationId="{45768DF2-6EBF-48BC-A321-F4FD52853E7F}"/>
            </ac:spMkLst>
          </pc:spChg>
          <pc:picChg chg="add mod">
            <ac:chgData name="Jonas Bratseth" userId="7880613d-1198-4bca-afa6-2725a9958330" providerId="ADAL" clId="{FF08786F-35DD-4FA5-91F3-FF8315EFC03A}" dt="2021-04-13T06:05:29.425" v="783"/>
            <ac:picMkLst>
              <pc:docMk/>
              <pc:sldMasterMk cId="2243831206" sldId="2147483767"/>
              <pc:sldLayoutMk cId="2098187026" sldId="2147483770"/>
              <ac:picMk id="10" creationId="{0597384E-57FD-4F04-8C50-6AF0A2BD8C6B}"/>
            </ac:picMkLst>
          </pc:picChg>
          <pc:picChg chg="del">
            <ac:chgData name="Jonas Bratseth" userId="7880613d-1198-4bca-afa6-2725a9958330" providerId="ADAL" clId="{FF08786F-35DD-4FA5-91F3-FF8315EFC03A}" dt="2021-04-13T06:05:26.565" v="782" actId="478"/>
            <ac:picMkLst>
              <pc:docMk/>
              <pc:sldMasterMk cId="2243831206" sldId="2147483767"/>
              <pc:sldLayoutMk cId="2098187026" sldId="2147483770"/>
              <ac:picMk id="31" creationId="{655D799E-E9E5-46D2-A4A8-C2991ED7CD80}"/>
            </ac:picMkLst>
          </pc:picChg>
        </pc:sldLayoutChg>
        <pc:sldLayoutChg chg="addSp delSp modSp mod setBg">
          <pc:chgData name="Jonas Bratseth" userId="7880613d-1198-4bca-afa6-2725a9958330" providerId="ADAL" clId="{FF08786F-35DD-4FA5-91F3-FF8315EFC03A}" dt="2021-04-14T06:18:07.364" v="824" actId="207"/>
          <pc:sldLayoutMkLst>
            <pc:docMk/>
            <pc:sldMasterMk cId="2243831206" sldId="2147483767"/>
            <pc:sldLayoutMk cId="3224551424" sldId="2147483771"/>
          </pc:sldLayoutMkLst>
          <pc:spChg chg="del">
            <ac:chgData name="Jonas Bratseth" userId="7880613d-1198-4bca-afa6-2725a9958330" providerId="ADAL" clId="{FF08786F-35DD-4FA5-91F3-FF8315EFC03A}" dt="2021-04-13T06:07:29" v="790" actId="478"/>
            <ac:spMkLst>
              <pc:docMk/>
              <pc:sldMasterMk cId="2243831206" sldId="2147483767"/>
              <pc:sldLayoutMk cId="3224551424" sldId="2147483771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FF08786F-35DD-4FA5-91F3-FF8315EFC03A}" dt="2021-04-13T06:07:30.399" v="791" actId="478"/>
            <ac:spMkLst>
              <pc:docMk/>
              <pc:sldMasterMk cId="2243831206" sldId="2147483767"/>
              <pc:sldLayoutMk cId="3224551424" sldId="2147483771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FF08786F-35DD-4FA5-91F3-FF8315EFC03A}" dt="2021-04-13T06:07:41.650" v="794" actId="207"/>
            <ac:spMkLst>
              <pc:docMk/>
              <pc:sldMasterMk cId="2243831206" sldId="2147483767"/>
              <pc:sldLayoutMk cId="3224551424" sldId="2147483771"/>
              <ac:spMk id="6" creationId="{9411C7D4-48C4-4B82-9272-C825344475C8}"/>
            </ac:spMkLst>
          </pc:spChg>
          <pc:spChg chg="add mod">
            <ac:chgData name="Jonas Bratseth" userId="7880613d-1198-4bca-afa6-2725a9958330" providerId="ADAL" clId="{FF08786F-35DD-4FA5-91F3-FF8315EFC03A}" dt="2021-04-14T06:17:58.656" v="822" actId="207"/>
            <ac:spMkLst>
              <pc:docMk/>
              <pc:sldMasterMk cId="2243831206" sldId="2147483767"/>
              <pc:sldLayoutMk cId="3224551424" sldId="2147483771"/>
              <ac:spMk id="10" creationId="{A0E397CE-3BE9-4B6D-A6CA-DA7C6931A237}"/>
            </ac:spMkLst>
          </pc:spChg>
          <pc:spChg chg="add mod">
            <ac:chgData name="Jonas Bratseth" userId="7880613d-1198-4bca-afa6-2725a9958330" providerId="ADAL" clId="{FF08786F-35DD-4FA5-91F3-FF8315EFC03A}" dt="2021-04-14T06:18:07.364" v="824" actId="207"/>
            <ac:spMkLst>
              <pc:docMk/>
              <pc:sldMasterMk cId="2243831206" sldId="2147483767"/>
              <pc:sldLayoutMk cId="3224551424" sldId="2147483771"/>
              <ac:spMk id="11" creationId="{C48FCAF9-0444-4E65-BC4B-318753FE8C19}"/>
            </ac:spMkLst>
          </pc:spChg>
          <pc:spChg chg="add mod">
            <ac:chgData name="Jonas Bratseth" userId="7880613d-1198-4bca-afa6-2725a9958330" providerId="ADAL" clId="{FF08786F-35DD-4FA5-91F3-FF8315EFC03A}" dt="2021-04-14T06:18:07.364" v="824" actId="207"/>
            <ac:spMkLst>
              <pc:docMk/>
              <pc:sldMasterMk cId="2243831206" sldId="2147483767"/>
              <pc:sldLayoutMk cId="3224551424" sldId="2147483771"/>
              <ac:spMk id="12" creationId="{2228278C-DF93-4814-8B34-D031DEE1A188}"/>
            </ac:spMkLst>
          </pc:spChg>
          <pc:picChg chg="add mod">
            <ac:chgData name="Jonas Bratseth" userId="7880613d-1198-4bca-afa6-2725a9958330" providerId="ADAL" clId="{FF08786F-35DD-4FA5-91F3-FF8315EFC03A}" dt="2021-04-13T06:06:33.060" v="789"/>
            <ac:picMkLst>
              <pc:docMk/>
              <pc:sldMasterMk cId="2243831206" sldId="2147483767"/>
              <pc:sldLayoutMk cId="3224551424" sldId="2147483771"/>
              <ac:picMk id="9" creationId="{B691721E-7EAA-4CAE-8AD6-46313E87B524}"/>
            </ac:picMkLst>
          </pc:picChg>
          <pc:picChg chg="del">
            <ac:chgData name="Jonas Bratseth" userId="7880613d-1198-4bca-afa6-2725a9958330" providerId="ADAL" clId="{FF08786F-35DD-4FA5-91F3-FF8315EFC03A}" dt="2021-04-13T06:06:31.978" v="788" actId="478"/>
            <ac:picMkLst>
              <pc:docMk/>
              <pc:sldMasterMk cId="2243831206" sldId="2147483767"/>
              <pc:sldLayoutMk cId="3224551424" sldId="2147483771"/>
              <ac:picMk id="31" creationId="{655D799E-E9E5-46D2-A4A8-C2991ED7CD80}"/>
            </ac:picMkLst>
          </pc:picChg>
        </pc:sldLayoutChg>
        <pc:sldLayoutChg chg="modSp">
          <pc:chgData name="Jonas Bratseth" userId="7880613d-1198-4bca-afa6-2725a9958330" providerId="ADAL" clId="{FF08786F-35DD-4FA5-91F3-FF8315EFC03A}" dt="2021-04-13T06:08:12.495" v="798" actId="207"/>
          <pc:sldLayoutMkLst>
            <pc:docMk/>
            <pc:sldMasterMk cId="2243831206" sldId="2147483767"/>
            <pc:sldLayoutMk cId="545532331" sldId="2147483773"/>
          </pc:sldLayoutMkLst>
          <pc:spChg chg="mod">
            <ac:chgData name="Jonas Bratseth" userId="7880613d-1198-4bca-afa6-2725a9958330" providerId="ADAL" clId="{FF08786F-35DD-4FA5-91F3-FF8315EFC03A}" dt="2021-04-13T06:08:12.495" v="798" actId="207"/>
            <ac:spMkLst>
              <pc:docMk/>
              <pc:sldMasterMk cId="2243831206" sldId="2147483767"/>
              <pc:sldLayoutMk cId="545532331" sldId="2147483773"/>
              <ac:spMk id="11" creationId="{5C7DF1C5-A62B-48F2-8482-9AFA5987E96B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8:10.064" v="797" actId="207"/>
          <pc:sldLayoutMkLst>
            <pc:docMk/>
            <pc:sldMasterMk cId="2243831206" sldId="2147483767"/>
            <pc:sldLayoutMk cId="1384918506" sldId="2147483774"/>
          </pc:sldLayoutMkLst>
          <pc:spChg chg="mod">
            <ac:chgData name="Jonas Bratseth" userId="7880613d-1198-4bca-afa6-2725a9958330" providerId="ADAL" clId="{FF08786F-35DD-4FA5-91F3-FF8315EFC03A}" dt="2021-04-13T06:08:10.064" v="797" actId="207"/>
            <ac:spMkLst>
              <pc:docMk/>
              <pc:sldMasterMk cId="2243831206" sldId="2147483767"/>
              <pc:sldLayoutMk cId="1384918506" sldId="2147483774"/>
              <ac:spMk id="8" creationId="{55B705F1-BD8F-4927-980D-9E3C23775A55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8:07.650" v="796" actId="207"/>
          <pc:sldLayoutMkLst>
            <pc:docMk/>
            <pc:sldMasterMk cId="2243831206" sldId="2147483767"/>
            <pc:sldLayoutMk cId="295710683" sldId="2147483775"/>
          </pc:sldLayoutMkLst>
          <pc:spChg chg="mod">
            <ac:chgData name="Jonas Bratseth" userId="7880613d-1198-4bca-afa6-2725a9958330" providerId="ADAL" clId="{FF08786F-35DD-4FA5-91F3-FF8315EFC03A}" dt="2021-04-13T06:08:03.910" v="795" actId="207"/>
            <ac:spMkLst>
              <pc:docMk/>
              <pc:sldMasterMk cId="2243831206" sldId="2147483767"/>
              <pc:sldLayoutMk cId="295710683" sldId="2147483775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FF08786F-35DD-4FA5-91F3-FF8315EFC03A}" dt="2021-04-13T06:08:07.650" v="796" actId="207"/>
            <ac:spMkLst>
              <pc:docMk/>
              <pc:sldMasterMk cId="2243831206" sldId="2147483767"/>
              <pc:sldLayoutMk cId="295710683" sldId="2147483775"/>
              <ac:spMk id="11" creationId="{0E0D9193-69AD-43FB-9918-A2B29145892B}"/>
            </ac:spMkLst>
          </pc:spChg>
          <pc:spChg chg="mod">
            <ac:chgData name="Jonas Bratseth" userId="7880613d-1198-4bca-afa6-2725a9958330" providerId="ADAL" clId="{FF08786F-35DD-4FA5-91F3-FF8315EFC03A}" dt="2021-04-13T06:08:03.910" v="795" actId="207"/>
            <ac:spMkLst>
              <pc:docMk/>
              <pc:sldMasterMk cId="2243831206" sldId="2147483767"/>
              <pc:sldLayoutMk cId="295710683" sldId="2147483775"/>
              <ac:spMk id="13" creationId="{7C40E28E-F22B-4290-AC19-015D2EF8E6B5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8:58.223" v="804" actId="207"/>
          <pc:sldLayoutMkLst>
            <pc:docMk/>
            <pc:sldMasterMk cId="2243831206" sldId="2147483767"/>
            <pc:sldLayoutMk cId="2436821319" sldId="2147483776"/>
          </pc:sldLayoutMkLst>
          <pc:spChg chg="mod">
            <ac:chgData name="Jonas Bratseth" userId="7880613d-1198-4bca-afa6-2725a9958330" providerId="ADAL" clId="{FF08786F-35DD-4FA5-91F3-FF8315EFC03A}" dt="2021-04-13T06:08:47.253" v="801" actId="207"/>
            <ac:spMkLst>
              <pc:docMk/>
              <pc:sldMasterMk cId="2243831206" sldId="2147483767"/>
              <pc:sldLayoutMk cId="2436821319" sldId="2147483776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FF08786F-35DD-4FA5-91F3-FF8315EFC03A}" dt="2021-04-13T06:08:47.253" v="801" actId="207"/>
            <ac:spMkLst>
              <pc:docMk/>
              <pc:sldMasterMk cId="2243831206" sldId="2147483767"/>
              <pc:sldLayoutMk cId="2436821319" sldId="2147483776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FF08786F-35DD-4FA5-91F3-FF8315EFC03A}" dt="2021-04-13T06:08:47.253" v="801" actId="207"/>
            <ac:spMkLst>
              <pc:docMk/>
              <pc:sldMasterMk cId="2243831206" sldId="2147483767"/>
              <pc:sldLayoutMk cId="2436821319" sldId="2147483776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FF08786F-35DD-4FA5-91F3-FF8315EFC03A}" dt="2021-04-13T06:08:58.223" v="804" actId="207"/>
            <ac:spMkLst>
              <pc:docMk/>
              <pc:sldMasterMk cId="2243831206" sldId="2147483767"/>
              <pc:sldLayoutMk cId="2436821319" sldId="2147483776"/>
              <ac:spMk id="15" creationId="{C4B1CCD6-DE24-4885-B377-F22C82601BEA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9:01.295" v="805" actId="207"/>
          <pc:sldLayoutMkLst>
            <pc:docMk/>
            <pc:sldMasterMk cId="2243831206" sldId="2147483767"/>
            <pc:sldLayoutMk cId="1299304862" sldId="2147483777"/>
          </pc:sldLayoutMkLst>
          <pc:spChg chg="mod">
            <ac:chgData name="Jonas Bratseth" userId="7880613d-1198-4bca-afa6-2725a9958330" providerId="ADAL" clId="{FF08786F-35DD-4FA5-91F3-FF8315EFC03A}" dt="2021-04-13T06:08:51.085" v="802" actId="207"/>
            <ac:spMkLst>
              <pc:docMk/>
              <pc:sldMasterMk cId="2243831206" sldId="2147483767"/>
              <pc:sldLayoutMk cId="1299304862" sldId="2147483777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FF08786F-35DD-4FA5-91F3-FF8315EFC03A}" dt="2021-04-13T06:08:51.085" v="802" actId="207"/>
            <ac:spMkLst>
              <pc:docMk/>
              <pc:sldMasterMk cId="2243831206" sldId="2147483767"/>
              <pc:sldLayoutMk cId="1299304862" sldId="2147483777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FF08786F-35DD-4FA5-91F3-FF8315EFC03A}" dt="2021-04-13T06:08:51.085" v="802" actId="207"/>
            <ac:spMkLst>
              <pc:docMk/>
              <pc:sldMasterMk cId="2243831206" sldId="2147483767"/>
              <pc:sldLayoutMk cId="1299304862" sldId="2147483777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FF08786F-35DD-4FA5-91F3-FF8315EFC03A}" dt="2021-04-13T06:08:51.085" v="802" actId="207"/>
            <ac:spMkLst>
              <pc:docMk/>
              <pc:sldMasterMk cId="2243831206" sldId="2147483767"/>
              <pc:sldLayoutMk cId="1299304862" sldId="2147483777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13T06:09:01.295" v="805" actId="207"/>
            <ac:spMkLst>
              <pc:docMk/>
              <pc:sldMasterMk cId="2243831206" sldId="2147483767"/>
              <pc:sldLayoutMk cId="1299304862" sldId="2147483777"/>
              <ac:spMk id="19" creationId="{BC6E86D0-4AE7-46BC-A435-E79A60A5FA38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9:03.624" v="806" actId="207"/>
          <pc:sldLayoutMkLst>
            <pc:docMk/>
            <pc:sldMasterMk cId="2243831206" sldId="2147483767"/>
            <pc:sldLayoutMk cId="3218888475" sldId="2147483778"/>
          </pc:sldLayoutMkLst>
          <pc:spChg chg="mod">
            <ac:chgData name="Jonas Bratseth" userId="7880613d-1198-4bca-afa6-2725a9958330" providerId="ADAL" clId="{FF08786F-35DD-4FA5-91F3-FF8315EFC03A}" dt="2021-04-13T06:08:54.765" v="803" actId="207"/>
            <ac:spMkLst>
              <pc:docMk/>
              <pc:sldMasterMk cId="2243831206" sldId="2147483767"/>
              <pc:sldLayoutMk cId="3218888475" sldId="2147483778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FF08786F-35DD-4FA5-91F3-FF8315EFC03A}" dt="2021-04-13T06:08:54.765" v="803" actId="207"/>
            <ac:spMkLst>
              <pc:docMk/>
              <pc:sldMasterMk cId="2243831206" sldId="2147483767"/>
              <pc:sldLayoutMk cId="3218888475" sldId="2147483778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FF08786F-35DD-4FA5-91F3-FF8315EFC03A}" dt="2021-04-13T06:08:54.765" v="803" actId="207"/>
            <ac:spMkLst>
              <pc:docMk/>
              <pc:sldMasterMk cId="2243831206" sldId="2147483767"/>
              <pc:sldLayoutMk cId="3218888475" sldId="2147483778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FF08786F-35DD-4FA5-91F3-FF8315EFC03A}" dt="2021-04-13T06:08:54.765" v="803" actId="207"/>
            <ac:spMkLst>
              <pc:docMk/>
              <pc:sldMasterMk cId="2243831206" sldId="2147483767"/>
              <pc:sldLayoutMk cId="3218888475" sldId="2147483778"/>
              <ac:spMk id="14" creationId="{07F6985F-0D21-4B64-A375-95792C7EBAE9}"/>
            </ac:spMkLst>
          </pc:spChg>
          <pc:spChg chg="mod">
            <ac:chgData name="Jonas Bratseth" userId="7880613d-1198-4bca-afa6-2725a9958330" providerId="ADAL" clId="{FF08786F-35DD-4FA5-91F3-FF8315EFC03A}" dt="2021-04-13T06:08:54.765" v="803" actId="207"/>
            <ac:spMkLst>
              <pc:docMk/>
              <pc:sldMasterMk cId="2243831206" sldId="2147483767"/>
              <pc:sldLayoutMk cId="3218888475" sldId="2147483778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13T06:09:03.624" v="806" actId="207"/>
            <ac:spMkLst>
              <pc:docMk/>
              <pc:sldMasterMk cId="2243831206" sldId="2147483767"/>
              <pc:sldLayoutMk cId="3218888475" sldId="2147483778"/>
              <ac:spMk id="22" creationId="{2B10A327-405D-42CA-9F67-2AF8ABA2131E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9:06.375" v="807" actId="207"/>
          <pc:sldLayoutMkLst>
            <pc:docMk/>
            <pc:sldMasterMk cId="2243831206" sldId="2147483767"/>
            <pc:sldLayoutMk cId="618209023" sldId="2147483779"/>
          </pc:sldLayoutMkLst>
          <pc:spChg chg="mod">
            <ac:chgData name="Jonas Bratseth" userId="7880613d-1198-4bca-afa6-2725a9958330" providerId="ADAL" clId="{FF08786F-35DD-4FA5-91F3-FF8315EFC03A}" dt="2021-04-13T06:09:06.375" v="807" actId="207"/>
            <ac:spMkLst>
              <pc:docMk/>
              <pc:sldMasterMk cId="2243831206" sldId="2147483767"/>
              <pc:sldLayoutMk cId="618209023" sldId="2147483779"/>
              <ac:spMk id="14" creationId="{1E09ED89-26A1-4FE1-A40F-EB42F632CDBD}"/>
            </ac:spMkLst>
          </pc:spChg>
        </pc:sldLayoutChg>
        <pc:sldLayoutChg chg="modSp mod">
          <pc:chgData name="Jonas Bratseth" userId="7880613d-1198-4bca-afa6-2725a9958330" providerId="ADAL" clId="{FF08786F-35DD-4FA5-91F3-FF8315EFC03A}" dt="2021-04-20T07:42:35.079" v="1003" actId="207"/>
          <pc:sldLayoutMkLst>
            <pc:docMk/>
            <pc:sldMasterMk cId="2243831206" sldId="2147483767"/>
            <pc:sldLayoutMk cId="16410499" sldId="2147483780"/>
          </pc:sldLayoutMkLst>
          <pc:spChg chg="mod">
            <ac:chgData name="Jonas Bratseth" userId="7880613d-1198-4bca-afa6-2725a9958330" providerId="ADAL" clId="{FF08786F-35DD-4FA5-91F3-FF8315EFC03A}" dt="2021-04-20T07:42:35.079" v="1003" actId="207"/>
            <ac:spMkLst>
              <pc:docMk/>
              <pc:sldMasterMk cId="2243831206" sldId="2147483767"/>
              <pc:sldLayoutMk cId="16410499" sldId="2147483780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FF08786F-35DD-4FA5-91F3-FF8315EFC03A}" dt="2021-04-20T07:42:27.070" v="1002" actId="207"/>
            <ac:spMkLst>
              <pc:docMk/>
              <pc:sldMasterMk cId="2243831206" sldId="2147483767"/>
              <pc:sldLayoutMk cId="16410499" sldId="2147483780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20T07:42:35.079" v="1003" actId="207"/>
            <ac:spMkLst>
              <pc:docMk/>
              <pc:sldMasterMk cId="2243831206" sldId="2147483767"/>
              <pc:sldLayoutMk cId="16410499" sldId="2147483780"/>
              <ac:spMk id="20" creationId="{CE0B8209-0B57-480E-BC05-65AB6422230C}"/>
            </ac:spMkLst>
          </pc:spChg>
          <pc:spChg chg="mod">
            <ac:chgData name="Jonas Bratseth" userId="7880613d-1198-4bca-afa6-2725a9958330" providerId="ADAL" clId="{FF08786F-35DD-4FA5-91F3-FF8315EFC03A}" dt="2021-04-20T07:42:27.070" v="1002" actId="207"/>
            <ac:spMkLst>
              <pc:docMk/>
              <pc:sldMasterMk cId="2243831206" sldId="2147483767"/>
              <pc:sldLayoutMk cId="16410499" sldId="2147483780"/>
              <ac:spMk id="21" creationId="{D82263EF-894B-494B-8677-D0C16378F258}"/>
            </ac:spMkLst>
          </pc:spChg>
          <pc:spChg chg="mod">
            <ac:chgData name="Jonas Bratseth" userId="7880613d-1198-4bca-afa6-2725a9958330" providerId="ADAL" clId="{FF08786F-35DD-4FA5-91F3-FF8315EFC03A}" dt="2021-04-13T06:09:09.764" v="808" actId="207"/>
            <ac:spMkLst>
              <pc:docMk/>
              <pc:sldMasterMk cId="2243831206" sldId="2147483767"/>
              <pc:sldLayoutMk cId="16410499" sldId="2147483780"/>
              <ac:spMk id="22" creationId="{15589A20-B34D-47F9-883F-6C734E90FE4E}"/>
            </ac:spMkLst>
          </pc:spChg>
          <pc:spChg chg="mod">
            <ac:chgData name="Jonas Bratseth" userId="7880613d-1198-4bca-afa6-2725a9958330" providerId="ADAL" clId="{FF08786F-35DD-4FA5-91F3-FF8315EFC03A}" dt="2021-04-20T07:42:35.079" v="1003" actId="207"/>
            <ac:spMkLst>
              <pc:docMk/>
              <pc:sldMasterMk cId="2243831206" sldId="2147483767"/>
              <pc:sldLayoutMk cId="16410499" sldId="2147483780"/>
              <ac:spMk id="23" creationId="{2E022E5D-734A-4E35-AC58-D0A331D35696}"/>
            </ac:spMkLst>
          </pc:spChg>
          <pc:spChg chg="mod">
            <ac:chgData name="Jonas Bratseth" userId="7880613d-1198-4bca-afa6-2725a9958330" providerId="ADAL" clId="{FF08786F-35DD-4FA5-91F3-FF8315EFC03A}" dt="2021-04-20T07:42:27.070" v="1002" actId="207"/>
            <ac:spMkLst>
              <pc:docMk/>
              <pc:sldMasterMk cId="2243831206" sldId="2147483767"/>
              <pc:sldLayoutMk cId="16410499" sldId="2147483780"/>
              <ac:spMk id="24" creationId="{7A1A1348-3E0D-44A2-ABE6-CB122F41E15A}"/>
            </ac:spMkLst>
          </pc:spChg>
          <pc:spChg chg="mod">
            <ac:chgData name="Jonas Bratseth" userId="7880613d-1198-4bca-afa6-2725a9958330" providerId="ADAL" clId="{FF08786F-35DD-4FA5-91F3-FF8315EFC03A}" dt="2021-04-20T07:42:35.079" v="1003" actId="207"/>
            <ac:spMkLst>
              <pc:docMk/>
              <pc:sldMasterMk cId="2243831206" sldId="2147483767"/>
              <pc:sldLayoutMk cId="16410499" sldId="2147483780"/>
              <ac:spMk id="26" creationId="{825859A8-6BC3-464B-BAC4-75EA404385C4}"/>
            </ac:spMkLst>
          </pc:spChg>
          <pc:spChg chg="mod">
            <ac:chgData name="Jonas Bratseth" userId="7880613d-1198-4bca-afa6-2725a9958330" providerId="ADAL" clId="{FF08786F-35DD-4FA5-91F3-FF8315EFC03A}" dt="2021-04-20T07:42:27.070" v="1002" actId="207"/>
            <ac:spMkLst>
              <pc:docMk/>
              <pc:sldMasterMk cId="2243831206" sldId="2147483767"/>
              <pc:sldLayoutMk cId="16410499" sldId="2147483780"/>
              <ac:spMk id="27" creationId="{3BB3FD65-5F30-4FDE-B70E-D59A74BE6817}"/>
            </ac:spMkLst>
          </pc:spChg>
        </pc:sldLayoutChg>
        <pc:sldLayoutChg chg="modSp mod">
          <pc:chgData name="Jonas Bratseth" userId="7880613d-1198-4bca-afa6-2725a9958330" providerId="ADAL" clId="{FF08786F-35DD-4FA5-91F3-FF8315EFC03A}" dt="2021-04-20T07:42:13.241" v="1001" actId="207"/>
          <pc:sldLayoutMkLst>
            <pc:docMk/>
            <pc:sldMasterMk cId="2243831206" sldId="2147483767"/>
            <pc:sldLayoutMk cId="3329663524" sldId="2147483781"/>
          </pc:sldLayoutMkLst>
          <pc:spChg chg="mod">
            <ac:chgData name="Jonas Bratseth" userId="7880613d-1198-4bca-afa6-2725a9958330" providerId="ADAL" clId="{FF08786F-35DD-4FA5-91F3-FF8315EFC03A}" dt="2021-04-14T06:18:54.177" v="828" actId="207"/>
            <ac:spMkLst>
              <pc:docMk/>
              <pc:sldMasterMk cId="2243831206" sldId="2147483767"/>
              <pc:sldLayoutMk cId="3329663524" sldId="2147483781"/>
              <ac:spMk id="6" creationId="{2B1AC3E8-DC3F-4CE5-B272-5921EFCB66D6}"/>
            </ac:spMkLst>
          </pc:spChg>
          <pc:spChg chg="mod">
            <ac:chgData name="Jonas Bratseth" userId="7880613d-1198-4bca-afa6-2725a9958330" providerId="ADAL" clId="{FF08786F-35DD-4FA5-91F3-FF8315EFC03A}" dt="2021-04-20T07:42:13.241" v="1001" actId="207"/>
            <ac:spMkLst>
              <pc:docMk/>
              <pc:sldMasterMk cId="2243831206" sldId="2147483767"/>
              <pc:sldLayoutMk cId="3329663524" sldId="2147483781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FF08786F-35DD-4FA5-91F3-FF8315EFC03A}" dt="2021-04-14T06:18:48.792" v="827" actId="207"/>
            <ac:spMkLst>
              <pc:docMk/>
              <pc:sldMasterMk cId="2243831206" sldId="2147483767"/>
              <pc:sldLayoutMk cId="3329663524" sldId="2147483781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13T06:09:56.718" v="815" actId="207"/>
            <ac:spMkLst>
              <pc:docMk/>
              <pc:sldMasterMk cId="2243831206" sldId="2147483767"/>
              <pc:sldLayoutMk cId="3329663524" sldId="2147483781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FF08786F-35DD-4FA5-91F3-FF8315EFC03A}" dt="2021-04-20T07:42:13.241" v="1001" actId="207"/>
            <ac:spMkLst>
              <pc:docMk/>
              <pc:sldMasterMk cId="2243831206" sldId="2147483767"/>
              <pc:sldLayoutMk cId="3329663524" sldId="2147483781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FF08786F-35DD-4FA5-91F3-FF8315EFC03A}" dt="2021-04-14T06:18:48.792" v="827" actId="207"/>
            <ac:spMkLst>
              <pc:docMk/>
              <pc:sldMasterMk cId="2243831206" sldId="2147483767"/>
              <pc:sldLayoutMk cId="3329663524" sldId="2147483781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FF08786F-35DD-4FA5-91F3-FF8315EFC03A}" dt="2021-04-14T06:18:54.177" v="828" actId="207"/>
            <ac:spMkLst>
              <pc:docMk/>
              <pc:sldMasterMk cId="2243831206" sldId="2147483767"/>
              <pc:sldLayoutMk cId="3329663524" sldId="2147483781"/>
              <ac:spMk id="39" creationId="{0F10CBC3-6807-4D3C-8B23-0028D9CF8608}"/>
            </ac:spMkLst>
          </pc:spChg>
          <pc:spChg chg="mod">
            <ac:chgData name="Jonas Bratseth" userId="7880613d-1198-4bca-afa6-2725a9958330" providerId="ADAL" clId="{FF08786F-35DD-4FA5-91F3-FF8315EFC03A}" dt="2021-04-20T07:42:13.241" v="1001" actId="207"/>
            <ac:spMkLst>
              <pc:docMk/>
              <pc:sldMasterMk cId="2243831206" sldId="2147483767"/>
              <pc:sldLayoutMk cId="3329663524" sldId="2147483781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FF08786F-35DD-4FA5-91F3-FF8315EFC03A}" dt="2021-04-14T06:18:48.792" v="827" actId="207"/>
            <ac:spMkLst>
              <pc:docMk/>
              <pc:sldMasterMk cId="2243831206" sldId="2147483767"/>
              <pc:sldLayoutMk cId="3329663524" sldId="2147483781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FF08786F-35DD-4FA5-91F3-FF8315EFC03A}" dt="2021-04-14T06:18:54.177" v="828" actId="207"/>
            <ac:spMkLst>
              <pc:docMk/>
              <pc:sldMasterMk cId="2243831206" sldId="2147483767"/>
              <pc:sldLayoutMk cId="3329663524" sldId="2147483781"/>
              <ac:spMk id="48" creationId="{B501B0E5-0DFC-4286-9E8B-15E393E37480}"/>
            </ac:spMkLst>
          </pc:spChg>
          <pc:spChg chg="mod">
            <ac:chgData name="Jonas Bratseth" userId="7880613d-1198-4bca-afa6-2725a9958330" providerId="ADAL" clId="{FF08786F-35DD-4FA5-91F3-FF8315EFC03A}" dt="2021-04-20T07:42:13.241" v="1001" actId="207"/>
            <ac:spMkLst>
              <pc:docMk/>
              <pc:sldMasterMk cId="2243831206" sldId="2147483767"/>
              <pc:sldLayoutMk cId="3329663524" sldId="2147483781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FF08786F-35DD-4FA5-91F3-FF8315EFC03A}" dt="2021-04-14T06:18:48.792" v="827" actId="207"/>
            <ac:spMkLst>
              <pc:docMk/>
              <pc:sldMasterMk cId="2243831206" sldId="2147483767"/>
              <pc:sldLayoutMk cId="3329663524" sldId="2147483781"/>
              <ac:spMk id="51" creationId="{9B87CD94-7A09-4FBF-8581-99B20B7C8576}"/>
            </ac:spMkLst>
          </pc:spChg>
          <pc:spChg chg="mod">
            <ac:chgData name="Jonas Bratseth" userId="7880613d-1198-4bca-afa6-2725a9958330" providerId="ADAL" clId="{FF08786F-35DD-4FA5-91F3-FF8315EFC03A}" dt="2021-04-14T06:18:54.177" v="828" actId="207"/>
            <ac:spMkLst>
              <pc:docMk/>
              <pc:sldMasterMk cId="2243831206" sldId="2147483767"/>
              <pc:sldLayoutMk cId="3329663524" sldId="2147483781"/>
              <ac:spMk id="52" creationId="{2B934ECD-A752-45ED-BD72-370981CDAA93}"/>
            </ac:spMkLst>
          </pc:spChg>
        </pc:sldLayoutChg>
        <pc:sldLayoutChg chg="modSp mod">
          <pc:chgData name="Jonas Bratseth" userId="7880613d-1198-4bca-afa6-2725a9958330" providerId="ADAL" clId="{FF08786F-35DD-4FA5-91F3-FF8315EFC03A}" dt="2021-04-20T07:41:59.507" v="1000" actId="207"/>
          <pc:sldLayoutMkLst>
            <pc:docMk/>
            <pc:sldMasterMk cId="2243831206" sldId="2147483767"/>
            <pc:sldLayoutMk cId="1122571243" sldId="2147483782"/>
          </pc:sldLayoutMkLst>
          <pc:spChg chg="mod">
            <ac:chgData name="Jonas Bratseth" userId="7880613d-1198-4bca-afa6-2725a9958330" providerId="ADAL" clId="{FF08786F-35DD-4FA5-91F3-FF8315EFC03A}" dt="2021-04-20T07:41:59.507" v="1000" actId="207"/>
            <ac:spMkLst>
              <pc:docMk/>
              <pc:sldMasterMk cId="2243831206" sldId="2147483767"/>
              <pc:sldLayoutMk cId="1122571243" sldId="2147483782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FF08786F-35DD-4FA5-91F3-FF8315EFC03A}" dt="2021-04-14T06:19:05.330" v="829" actId="207"/>
            <ac:spMkLst>
              <pc:docMk/>
              <pc:sldMasterMk cId="2243831206" sldId="2147483767"/>
              <pc:sldLayoutMk cId="1122571243" sldId="2147483782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FF08786F-35DD-4FA5-91F3-FF8315EFC03A}" dt="2021-04-13T06:09:53.972" v="814" actId="207"/>
            <ac:spMkLst>
              <pc:docMk/>
              <pc:sldMasterMk cId="2243831206" sldId="2147483767"/>
              <pc:sldLayoutMk cId="1122571243" sldId="2147483782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FF08786F-35DD-4FA5-91F3-FF8315EFC03A}" dt="2021-04-20T07:41:59.507" v="1000" actId="207"/>
            <ac:spMkLst>
              <pc:docMk/>
              <pc:sldMasterMk cId="2243831206" sldId="2147483767"/>
              <pc:sldLayoutMk cId="1122571243" sldId="2147483782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FF08786F-35DD-4FA5-91F3-FF8315EFC03A}" dt="2021-04-14T06:19:05.330" v="829" actId="207"/>
            <ac:spMkLst>
              <pc:docMk/>
              <pc:sldMasterMk cId="2243831206" sldId="2147483767"/>
              <pc:sldLayoutMk cId="1122571243" sldId="2147483782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FF08786F-35DD-4FA5-91F3-FF8315EFC03A}" dt="2021-04-20T07:41:59.507" v="1000" actId="207"/>
            <ac:spMkLst>
              <pc:docMk/>
              <pc:sldMasterMk cId="2243831206" sldId="2147483767"/>
              <pc:sldLayoutMk cId="1122571243" sldId="2147483782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FF08786F-35DD-4FA5-91F3-FF8315EFC03A}" dt="2021-04-14T06:19:05.330" v="829" actId="207"/>
            <ac:spMkLst>
              <pc:docMk/>
              <pc:sldMasterMk cId="2243831206" sldId="2147483767"/>
              <pc:sldLayoutMk cId="1122571243" sldId="2147483782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FF08786F-35DD-4FA5-91F3-FF8315EFC03A}" dt="2021-04-20T07:41:59.507" v="1000" actId="207"/>
            <ac:spMkLst>
              <pc:docMk/>
              <pc:sldMasterMk cId="2243831206" sldId="2147483767"/>
              <pc:sldLayoutMk cId="1122571243" sldId="2147483782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FF08786F-35DD-4FA5-91F3-FF8315EFC03A}" dt="2021-04-14T06:19:05.330" v="829" actId="207"/>
            <ac:spMkLst>
              <pc:docMk/>
              <pc:sldMasterMk cId="2243831206" sldId="2147483767"/>
              <pc:sldLayoutMk cId="1122571243" sldId="2147483782"/>
              <ac:spMk id="51" creationId="{9B87CD94-7A09-4FBF-8581-99B20B7C8576}"/>
            </ac:spMkLst>
          </pc:spChg>
        </pc:sldLayoutChg>
        <pc:sldLayoutChg chg="modSp">
          <pc:chgData name="Jonas Bratseth" userId="7880613d-1198-4bca-afa6-2725a9958330" providerId="ADAL" clId="{FF08786F-35DD-4FA5-91F3-FF8315EFC03A}" dt="2021-04-13T06:09:50.834" v="813" actId="207"/>
          <pc:sldLayoutMkLst>
            <pc:docMk/>
            <pc:sldMasterMk cId="2243831206" sldId="2147483767"/>
            <pc:sldLayoutMk cId="1501640898" sldId="2147483783"/>
          </pc:sldLayoutMkLst>
          <pc:spChg chg="mod">
            <ac:chgData name="Jonas Bratseth" userId="7880613d-1198-4bca-afa6-2725a9958330" providerId="ADAL" clId="{FF08786F-35DD-4FA5-91F3-FF8315EFC03A}" dt="2021-04-13T06:09:50.834" v="813" actId="207"/>
            <ac:spMkLst>
              <pc:docMk/>
              <pc:sldMasterMk cId="2243831206" sldId="2147483767"/>
              <pc:sldLayoutMk cId="1501640898" sldId="2147483783"/>
              <ac:spMk id="6" creationId="{9819E40C-11F9-4CC9-A0F5-A28346A4DD61}"/>
            </ac:spMkLst>
          </pc:spChg>
        </pc:sldLayoutChg>
      </pc:sldMasterChg>
    </pc:docChg>
  </pc:docChgLst>
  <pc:docChgLst>
    <pc:chgData name="Bjørnar Fjelldal" userId="74302481-3b68-4f3a-b147-7b18ca6ef395" providerId="ADAL" clId="{BC5D1628-DB08-FC4A-8846-67566715743F}"/>
    <pc:docChg chg="undo custSel addSld delSld modSld">
      <pc:chgData name="Bjørnar Fjelldal" userId="74302481-3b68-4f3a-b147-7b18ca6ef395" providerId="ADAL" clId="{BC5D1628-DB08-FC4A-8846-67566715743F}" dt="2021-11-16T14:17:09.690" v="39" actId="1076"/>
      <pc:docMkLst>
        <pc:docMk/>
      </pc:docMkLst>
      <pc:sldChg chg="del">
        <pc:chgData name="Bjørnar Fjelldal" userId="74302481-3b68-4f3a-b147-7b18ca6ef395" providerId="ADAL" clId="{BC5D1628-DB08-FC4A-8846-67566715743F}" dt="2021-11-16T09:23:56.115" v="0" actId="2696"/>
        <pc:sldMkLst>
          <pc:docMk/>
          <pc:sldMk cId="1108042337" sldId="268"/>
        </pc:sldMkLst>
      </pc:sldChg>
      <pc:sldChg chg="del">
        <pc:chgData name="Bjørnar Fjelldal" userId="74302481-3b68-4f3a-b147-7b18ca6ef395" providerId="ADAL" clId="{BC5D1628-DB08-FC4A-8846-67566715743F}" dt="2021-11-16T09:24:04.339" v="1" actId="2696"/>
        <pc:sldMkLst>
          <pc:docMk/>
          <pc:sldMk cId="9875699" sldId="281"/>
        </pc:sldMkLst>
      </pc:sldChg>
      <pc:sldChg chg="addSp delSp add mod addAnim delAnim">
        <pc:chgData name="Bjørnar Fjelldal" userId="74302481-3b68-4f3a-b147-7b18ca6ef395" providerId="ADAL" clId="{BC5D1628-DB08-FC4A-8846-67566715743F}" dt="2021-11-16T09:43:33.406" v="4" actId="478"/>
        <pc:sldMkLst>
          <pc:docMk/>
          <pc:sldMk cId="4151941264" sldId="283"/>
        </pc:sldMkLst>
        <pc:picChg chg="add del">
          <ac:chgData name="Bjørnar Fjelldal" userId="74302481-3b68-4f3a-b147-7b18ca6ef395" providerId="ADAL" clId="{BC5D1628-DB08-FC4A-8846-67566715743F}" dt="2021-11-16T09:43:33.406" v="4" actId="478"/>
          <ac:picMkLst>
            <pc:docMk/>
            <pc:sldMk cId="4151941264" sldId="283"/>
            <ac:picMk id="2" creationId="{03AB36C7-CB26-E648-BF1F-51D740F317A5}"/>
          </ac:picMkLst>
        </pc:picChg>
      </pc:sldChg>
      <pc:sldChg chg="addSp delSp modSp add mod delAnim modAnim">
        <pc:chgData name="Bjørnar Fjelldal" userId="74302481-3b68-4f3a-b147-7b18ca6ef395" providerId="ADAL" clId="{BC5D1628-DB08-FC4A-8846-67566715743F}" dt="2021-11-16T14:17:09.690" v="39" actId="1076"/>
        <pc:sldMkLst>
          <pc:docMk/>
          <pc:sldMk cId="1003873374" sldId="284"/>
        </pc:sldMkLst>
        <pc:spChg chg="add del mod">
          <ac:chgData name="Bjørnar Fjelldal" userId="74302481-3b68-4f3a-b147-7b18ca6ef395" providerId="ADAL" clId="{BC5D1628-DB08-FC4A-8846-67566715743F}" dt="2021-11-16T14:15:54.887" v="7" actId="478"/>
          <ac:spMkLst>
            <pc:docMk/>
            <pc:sldMk cId="1003873374" sldId="284"/>
            <ac:spMk id="3" creationId="{CC6F0C74-9E1B-C24E-A8B2-BDAB252499F3}"/>
          </ac:spMkLst>
        </pc:spChg>
        <pc:spChg chg="del">
          <ac:chgData name="Bjørnar Fjelldal" userId="74302481-3b68-4f3a-b147-7b18ca6ef395" providerId="ADAL" clId="{BC5D1628-DB08-FC4A-8846-67566715743F}" dt="2021-11-16T14:15:53.340" v="6" actId="478"/>
          <ac:spMkLst>
            <pc:docMk/>
            <pc:sldMk cId="1003873374" sldId="284"/>
            <ac:spMk id="8" creationId="{335D9506-ED06-8C4D-8D24-E25C77DA1F77}"/>
          </ac:spMkLst>
        </pc:spChg>
        <pc:picChg chg="add mod">
          <ac:chgData name="Bjørnar Fjelldal" userId="74302481-3b68-4f3a-b147-7b18ca6ef395" providerId="ADAL" clId="{BC5D1628-DB08-FC4A-8846-67566715743F}" dt="2021-11-16T14:17:09.690" v="39" actId="1076"/>
          <ac:picMkLst>
            <pc:docMk/>
            <pc:sldMk cId="1003873374" sldId="284"/>
            <ac:picMk id="4" creationId="{F5BE98A0-04A4-4449-9DFD-38CB5A2A5D2F}"/>
          </ac:picMkLst>
        </pc:picChg>
        <pc:picChg chg="del mod">
          <ac:chgData name="Bjørnar Fjelldal" userId="74302481-3b68-4f3a-b147-7b18ca6ef395" providerId="ADAL" clId="{BC5D1628-DB08-FC4A-8846-67566715743F}" dt="2021-11-16T14:17:03.554" v="36" actId="478"/>
          <ac:picMkLst>
            <pc:docMk/>
            <pc:sldMk cId="1003873374" sldId="284"/>
            <ac:picMk id="1026" creationId="{85016F48-8AC3-4543-A3A1-184B9710BD3E}"/>
          </ac:picMkLst>
        </pc:picChg>
        <pc:picChg chg="mod">
          <ac:chgData name="Bjørnar Fjelldal" userId="74302481-3b68-4f3a-b147-7b18ca6ef395" providerId="ADAL" clId="{BC5D1628-DB08-FC4A-8846-67566715743F}" dt="2021-11-16T14:16:09.780" v="12" actId="14100"/>
          <ac:picMkLst>
            <pc:docMk/>
            <pc:sldMk cId="1003873374" sldId="284"/>
            <ac:picMk id="1030" creationId="{2A22AFBA-140B-1446-9C68-347DAB641E62}"/>
          </ac:picMkLst>
        </pc:picChg>
        <pc:picChg chg="mod">
          <ac:chgData name="Bjørnar Fjelldal" userId="74302481-3b68-4f3a-b147-7b18ca6ef395" providerId="ADAL" clId="{BC5D1628-DB08-FC4A-8846-67566715743F}" dt="2021-11-16T14:16:25.693" v="33" actId="1035"/>
          <ac:picMkLst>
            <pc:docMk/>
            <pc:sldMk cId="1003873374" sldId="284"/>
            <ac:picMk id="1032" creationId="{2F2538C7-281F-3844-87FF-6A13D3B953F2}"/>
          </ac:picMkLst>
        </pc:picChg>
        <pc:picChg chg="mod">
          <ac:chgData name="Bjørnar Fjelldal" userId="74302481-3b68-4f3a-b147-7b18ca6ef395" providerId="ADAL" clId="{BC5D1628-DB08-FC4A-8846-67566715743F}" dt="2021-11-16T14:16:06.376" v="11" actId="1076"/>
          <ac:picMkLst>
            <pc:docMk/>
            <pc:sldMk cId="1003873374" sldId="284"/>
            <ac:picMk id="1034" creationId="{EBBB9311-B2B3-F94F-A95E-3A1A9B4A0648}"/>
          </ac:picMkLst>
        </pc:picChg>
      </pc:sldChg>
    </pc:docChg>
  </pc:docChgLst>
  <pc:docChgLst>
    <pc:chgData name="Jonas Bratseth" userId="7880613d-1198-4bca-afa6-2725a9958330" providerId="ADAL" clId="{14168F2A-3FB0-417E-91D6-775386205B09}"/>
    <pc:docChg chg="custSel modMainMaster">
      <pc:chgData name="Jonas Bratseth" userId="7880613d-1198-4bca-afa6-2725a9958330" providerId="ADAL" clId="{14168F2A-3FB0-417E-91D6-775386205B09}" dt="2021-04-28T09:14:00.121" v="11" actId="2696"/>
      <pc:docMkLst>
        <pc:docMk/>
      </pc:docMkLst>
      <pc:sldMasterChg chg="delSldLayout modSldLayout">
        <pc:chgData name="Jonas Bratseth" userId="7880613d-1198-4bca-afa6-2725a9958330" providerId="ADAL" clId="{14168F2A-3FB0-417E-91D6-775386205B09}" dt="2021-04-28T09:13:25.842" v="6" actId="2696"/>
        <pc:sldMasterMkLst>
          <pc:docMk/>
          <pc:sldMasterMk cId="750743933" sldId="2147483648"/>
        </pc:sldMasterMkLst>
        <pc:sldLayoutChg chg="del">
          <pc:chgData name="Jonas Bratseth" userId="7880613d-1198-4bca-afa6-2725a9958330" providerId="ADAL" clId="{14168F2A-3FB0-417E-91D6-775386205B09}" dt="2021-04-28T09:13:25.842" v="6" actId="2696"/>
          <pc:sldLayoutMkLst>
            <pc:docMk/>
            <pc:sldMasterMk cId="750743933" sldId="2147483648"/>
            <pc:sldLayoutMk cId="2347992648" sldId="2147483649"/>
          </pc:sldLayoutMkLst>
        </pc:sldLayoutChg>
        <pc:sldLayoutChg chg="delSp mod">
          <pc:chgData name="Jonas Bratseth" userId="7880613d-1198-4bca-afa6-2725a9958330" providerId="ADAL" clId="{14168F2A-3FB0-417E-91D6-775386205B09}" dt="2021-04-28T09:12:35.696" v="0" actId="478"/>
          <pc:sldLayoutMkLst>
            <pc:docMk/>
            <pc:sldMasterMk cId="750743933" sldId="2147483648"/>
            <pc:sldLayoutMk cId="1376239089" sldId="2147483748"/>
          </pc:sldLayoutMkLst>
          <pc:spChg chg="del">
            <ac:chgData name="Jonas Bratseth" userId="7880613d-1198-4bca-afa6-2725a9958330" providerId="ADAL" clId="{14168F2A-3FB0-417E-91D6-775386205B09}" dt="2021-04-28T09:12:35.696" v="0" actId="478"/>
            <ac:spMkLst>
              <pc:docMk/>
              <pc:sldMasterMk cId="750743933" sldId="2147483648"/>
              <pc:sldLayoutMk cId="1376239089" sldId="2147483748"/>
              <ac:spMk id="10" creationId="{BA9FE935-F199-41D7-871A-24EC1D9C5AD9}"/>
            </ac:spMkLst>
          </pc:spChg>
        </pc:sldLayoutChg>
      </pc:sldMasterChg>
      <pc:sldMasterChg chg="delSldLayout modSldLayout">
        <pc:chgData name="Jonas Bratseth" userId="7880613d-1198-4bca-afa6-2725a9958330" providerId="ADAL" clId="{14168F2A-3FB0-417E-91D6-775386205B09}" dt="2021-04-28T09:13:47.795" v="9" actId="2696"/>
        <pc:sldMasterMkLst>
          <pc:docMk/>
          <pc:sldMasterMk cId="4013363400" sldId="2147483662"/>
        </pc:sldMasterMkLst>
        <pc:sldLayoutChg chg="delSp mod">
          <pc:chgData name="Jonas Bratseth" userId="7880613d-1198-4bca-afa6-2725a9958330" providerId="ADAL" clId="{14168F2A-3FB0-417E-91D6-775386205B09}" dt="2021-04-28T09:12:54.208" v="3" actId="478"/>
          <pc:sldLayoutMkLst>
            <pc:docMk/>
            <pc:sldMasterMk cId="4013363400" sldId="2147483662"/>
            <pc:sldLayoutMk cId="1404883753" sldId="2147483663"/>
          </pc:sldLayoutMkLst>
          <pc:spChg chg="del">
            <ac:chgData name="Jonas Bratseth" userId="7880613d-1198-4bca-afa6-2725a9958330" providerId="ADAL" clId="{14168F2A-3FB0-417E-91D6-775386205B09}" dt="2021-04-28T09:12:54.208" v="3" actId="478"/>
            <ac:spMkLst>
              <pc:docMk/>
              <pc:sldMasterMk cId="4013363400" sldId="2147483662"/>
              <pc:sldLayoutMk cId="1404883753" sldId="2147483663"/>
              <ac:spMk id="10" creationId="{BA9FE935-F199-41D7-871A-24EC1D9C5AD9}"/>
            </ac:spMkLst>
          </pc:spChg>
        </pc:sldLayoutChg>
        <pc:sldLayoutChg chg="del">
          <pc:chgData name="Jonas Bratseth" userId="7880613d-1198-4bca-afa6-2725a9958330" providerId="ADAL" clId="{14168F2A-3FB0-417E-91D6-775386205B09}" dt="2021-04-28T09:13:47.795" v="9" actId="2696"/>
          <pc:sldLayoutMkLst>
            <pc:docMk/>
            <pc:sldMasterMk cId="4013363400" sldId="2147483662"/>
            <pc:sldLayoutMk cId="3319619699" sldId="2147483667"/>
          </pc:sldLayoutMkLst>
        </pc:sldLayoutChg>
      </pc:sldMasterChg>
      <pc:sldMasterChg chg="delSldLayout modSldLayout">
        <pc:chgData name="Jonas Bratseth" userId="7880613d-1198-4bca-afa6-2725a9958330" providerId="ADAL" clId="{14168F2A-3FB0-417E-91D6-775386205B09}" dt="2021-04-28T09:13:53.694" v="10" actId="2696"/>
        <pc:sldMasterMkLst>
          <pc:docMk/>
          <pc:sldMasterMk cId="1571303548" sldId="2147483672"/>
        </pc:sldMasterMkLst>
        <pc:sldLayoutChg chg="delSp mod">
          <pc:chgData name="Jonas Bratseth" userId="7880613d-1198-4bca-afa6-2725a9958330" providerId="ADAL" clId="{14168F2A-3FB0-417E-91D6-775386205B09}" dt="2021-04-28T09:12:58.620" v="4" actId="478"/>
          <pc:sldLayoutMkLst>
            <pc:docMk/>
            <pc:sldMasterMk cId="1571303548" sldId="2147483672"/>
            <pc:sldLayoutMk cId="1587017909" sldId="2147483673"/>
          </pc:sldLayoutMkLst>
          <pc:spChg chg="del">
            <ac:chgData name="Jonas Bratseth" userId="7880613d-1198-4bca-afa6-2725a9958330" providerId="ADAL" clId="{14168F2A-3FB0-417E-91D6-775386205B09}" dt="2021-04-28T09:12:58.620" v="4" actId="478"/>
            <ac:spMkLst>
              <pc:docMk/>
              <pc:sldMasterMk cId="1571303548" sldId="2147483672"/>
              <pc:sldLayoutMk cId="1587017909" sldId="2147483673"/>
              <ac:spMk id="10" creationId="{BA9FE935-F199-41D7-871A-24EC1D9C5AD9}"/>
            </ac:spMkLst>
          </pc:spChg>
        </pc:sldLayoutChg>
        <pc:sldLayoutChg chg="del">
          <pc:chgData name="Jonas Bratseth" userId="7880613d-1198-4bca-afa6-2725a9958330" providerId="ADAL" clId="{14168F2A-3FB0-417E-91D6-775386205B09}" dt="2021-04-28T09:13:53.694" v="10" actId="2696"/>
          <pc:sldLayoutMkLst>
            <pc:docMk/>
            <pc:sldMasterMk cId="1571303548" sldId="2147483672"/>
            <pc:sldLayoutMk cId="2387852940" sldId="2147483674"/>
          </pc:sldLayoutMkLst>
        </pc:sldLayoutChg>
      </pc:sldMasterChg>
      <pc:sldMasterChg chg="delSldLayout modSldLayout">
        <pc:chgData name="Jonas Bratseth" userId="7880613d-1198-4bca-afa6-2725a9958330" providerId="ADAL" clId="{14168F2A-3FB0-417E-91D6-775386205B09}" dt="2021-04-28T09:14:00.121" v="11" actId="2696"/>
        <pc:sldMasterMkLst>
          <pc:docMk/>
          <pc:sldMasterMk cId="3187493390" sldId="2147483680"/>
        </pc:sldMasterMkLst>
        <pc:sldLayoutChg chg="delSp mod">
          <pc:chgData name="Jonas Bratseth" userId="7880613d-1198-4bca-afa6-2725a9958330" providerId="ADAL" clId="{14168F2A-3FB0-417E-91D6-775386205B09}" dt="2021-04-28T09:13:02.349" v="5" actId="478"/>
          <pc:sldLayoutMkLst>
            <pc:docMk/>
            <pc:sldMasterMk cId="3187493390" sldId="2147483680"/>
            <pc:sldLayoutMk cId="3861079065" sldId="2147483681"/>
          </pc:sldLayoutMkLst>
          <pc:spChg chg="del">
            <ac:chgData name="Jonas Bratseth" userId="7880613d-1198-4bca-afa6-2725a9958330" providerId="ADAL" clId="{14168F2A-3FB0-417E-91D6-775386205B09}" dt="2021-04-28T09:13:02.349" v="5" actId="478"/>
            <ac:spMkLst>
              <pc:docMk/>
              <pc:sldMasterMk cId="3187493390" sldId="2147483680"/>
              <pc:sldLayoutMk cId="3861079065" sldId="2147483681"/>
              <ac:spMk id="10" creationId="{BA9FE935-F199-41D7-871A-24EC1D9C5AD9}"/>
            </ac:spMkLst>
          </pc:spChg>
        </pc:sldLayoutChg>
        <pc:sldLayoutChg chg="del">
          <pc:chgData name="Jonas Bratseth" userId="7880613d-1198-4bca-afa6-2725a9958330" providerId="ADAL" clId="{14168F2A-3FB0-417E-91D6-775386205B09}" dt="2021-04-28T09:14:00.121" v="11" actId="2696"/>
          <pc:sldLayoutMkLst>
            <pc:docMk/>
            <pc:sldMasterMk cId="3187493390" sldId="2147483680"/>
            <pc:sldLayoutMk cId="736186535" sldId="2147483682"/>
          </pc:sldLayoutMkLst>
        </pc:sldLayoutChg>
      </pc:sldMasterChg>
      <pc:sldMasterChg chg="delSldLayout modSldLayout">
        <pc:chgData name="Jonas Bratseth" userId="7880613d-1198-4bca-afa6-2725a9958330" providerId="ADAL" clId="{14168F2A-3FB0-417E-91D6-775386205B09}" dt="2021-04-28T09:13:30.746" v="7" actId="2696"/>
        <pc:sldMasterMkLst>
          <pc:docMk/>
          <pc:sldMasterMk cId="2320628436" sldId="2147483750"/>
        </pc:sldMasterMkLst>
        <pc:sldLayoutChg chg="delSp mod">
          <pc:chgData name="Jonas Bratseth" userId="7880613d-1198-4bca-afa6-2725a9958330" providerId="ADAL" clId="{14168F2A-3FB0-417E-91D6-775386205B09}" dt="2021-04-28T09:12:41.712" v="1" actId="478"/>
          <pc:sldLayoutMkLst>
            <pc:docMk/>
            <pc:sldMasterMk cId="2320628436" sldId="2147483750"/>
            <pc:sldLayoutMk cId="3196187509" sldId="2147483751"/>
          </pc:sldLayoutMkLst>
          <pc:spChg chg="del">
            <ac:chgData name="Jonas Bratseth" userId="7880613d-1198-4bca-afa6-2725a9958330" providerId="ADAL" clId="{14168F2A-3FB0-417E-91D6-775386205B09}" dt="2021-04-28T09:12:41.712" v="1" actId="478"/>
            <ac:spMkLst>
              <pc:docMk/>
              <pc:sldMasterMk cId="2320628436" sldId="2147483750"/>
              <pc:sldLayoutMk cId="3196187509" sldId="2147483751"/>
              <ac:spMk id="10" creationId="{BA9FE935-F199-41D7-871A-24EC1D9C5AD9}"/>
            </ac:spMkLst>
          </pc:spChg>
        </pc:sldLayoutChg>
        <pc:sldLayoutChg chg="del">
          <pc:chgData name="Jonas Bratseth" userId="7880613d-1198-4bca-afa6-2725a9958330" providerId="ADAL" clId="{14168F2A-3FB0-417E-91D6-775386205B09}" dt="2021-04-28T09:13:30.746" v="7" actId="2696"/>
          <pc:sldLayoutMkLst>
            <pc:docMk/>
            <pc:sldMasterMk cId="2320628436" sldId="2147483750"/>
            <pc:sldLayoutMk cId="2474862996" sldId="2147483752"/>
          </pc:sldLayoutMkLst>
        </pc:sldLayoutChg>
      </pc:sldMasterChg>
      <pc:sldMasterChg chg="delSldLayout modSldLayout">
        <pc:chgData name="Jonas Bratseth" userId="7880613d-1198-4bca-afa6-2725a9958330" providerId="ADAL" clId="{14168F2A-3FB0-417E-91D6-775386205B09}" dt="2021-04-28T09:13:37.448" v="8" actId="2696"/>
        <pc:sldMasterMkLst>
          <pc:docMk/>
          <pc:sldMasterMk cId="2243831206" sldId="2147483767"/>
        </pc:sldMasterMkLst>
        <pc:sldLayoutChg chg="delSp mod">
          <pc:chgData name="Jonas Bratseth" userId="7880613d-1198-4bca-afa6-2725a9958330" providerId="ADAL" clId="{14168F2A-3FB0-417E-91D6-775386205B09}" dt="2021-04-28T09:12:48.632" v="2" actId="478"/>
          <pc:sldLayoutMkLst>
            <pc:docMk/>
            <pc:sldMasterMk cId="2243831206" sldId="2147483767"/>
            <pc:sldLayoutMk cId="1983850776" sldId="2147483768"/>
          </pc:sldLayoutMkLst>
          <pc:spChg chg="del">
            <ac:chgData name="Jonas Bratseth" userId="7880613d-1198-4bca-afa6-2725a9958330" providerId="ADAL" clId="{14168F2A-3FB0-417E-91D6-775386205B09}" dt="2021-04-28T09:12:48.632" v="2" actId="478"/>
            <ac:spMkLst>
              <pc:docMk/>
              <pc:sldMasterMk cId="2243831206" sldId="2147483767"/>
              <pc:sldLayoutMk cId="1983850776" sldId="2147483768"/>
              <ac:spMk id="10" creationId="{BA9FE935-F199-41D7-871A-24EC1D9C5AD9}"/>
            </ac:spMkLst>
          </pc:spChg>
        </pc:sldLayoutChg>
        <pc:sldLayoutChg chg="del">
          <pc:chgData name="Jonas Bratseth" userId="7880613d-1198-4bca-afa6-2725a9958330" providerId="ADAL" clId="{14168F2A-3FB0-417E-91D6-775386205B09}" dt="2021-04-28T09:13:37.448" v="8" actId="2696"/>
          <pc:sldLayoutMkLst>
            <pc:docMk/>
            <pc:sldMasterMk cId="2243831206" sldId="2147483767"/>
            <pc:sldLayoutMk cId="781437595" sldId="2147483769"/>
          </pc:sldLayoutMkLst>
        </pc:sldLayoutChg>
      </pc:sldMasterChg>
    </pc:docChg>
  </pc:docChgLst>
  <pc:docChgLst>
    <pc:chgData name="Eirik Lian" userId="fd61fa22-a593-499a-9d93-9ab7056758e5" providerId="ADAL" clId="{869DCE16-EEAF-FC4D-89D2-5AB34BB69008}"/>
    <pc:docChg chg="undo custSel addSld delSld modSld">
      <pc:chgData name="Eirik Lian" userId="fd61fa22-a593-499a-9d93-9ab7056758e5" providerId="ADAL" clId="{869DCE16-EEAF-FC4D-89D2-5AB34BB69008}" dt="2021-01-22T11:58:25.662" v="81" actId="2696"/>
      <pc:docMkLst>
        <pc:docMk/>
      </pc:docMkLst>
      <pc:sldChg chg="del">
        <pc:chgData name="Eirik Lian" userId="fd61fa22-a593-499a-9d93-9ab7056758e5" providerId="ADAL" clId="{869DCE16-EEAF-FC4D-89D2-5AB34BB69008}" dt="2021-01-11T12:49:47.940" v="0" actId="2696"/>
        <pc:sldMkLst>
          <pc:docMk/>
          <pc:sldMk cId="3258238136" sldId="260"/>
        </pc:sldMkLst>
      </pc:sldChg>
      <pc:sldChg chg="addSp delSp modSp del mod modClrScheme chgLayout">
        <pc:chgData name="Eirik Lian" userId="fd61fa22-a593-499a-9d93-9ab7056758e5" providerId="ADAL" clId="{869DCE16-EEAF-FC4D-89D2-5AB34BB69008}" dt="2021-01-11T12:52:36.501" v="9" actId="2696"/>
        <pc:sldMkLst>
          <pc:docMk/>
          <pc:sldMk cId="620042618" sldId="266"/>
        </pc:sldMkLst>
        <pc:spChg chg="add del mod ord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2" creationId="{E49E6019-3C98-BC45-8A17-8A0F6E1772AF}"/>
          </ac:spMkLst>
        </pc:spChg>
        <pc:spChg chg="add del mod ord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3" creationId="{95AF802A-960F-7B4B-8F0D-DE9292A95A41}"/>
          </ac:spMkLst>
        </pc:spChg>
        <pc:spChg chg="mod ord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4" creationId="{A3E4FBFA-7084-3B4D-B0A5-9ABE8234304B}"/>
          </ac:spMkLst>
        </pc:spChg>
        <pc:spChg chg="add del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5" creationId="{E72F22BF-0610-B043-9C34-B0939BD021B6}"/>
          </ac:spMkLst>
        </pc:spChg>
        <pc:spChg chg="add del mod ord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6" creationId="{2D21ACFC-9F7C-1241-9BB1-99A8AA8EDBED}"/>
          </ac:spMkLst>
        </pc:spChg>
        <pc:spChg chg="add del mod ord">
          <ac:chgData name="Eirik Lian" userId="fd61fa22-a593-499a-9d93-9ab7056758e5" providerId="ADAL" clId="{869DCE16-EEAF-FC4D-89D2-5AB34BB69008}" dt="2021-01-11T12:50:14.527" v="2" actId="700"/>
          <ac:spMkLst>
            <pc:docMk/>
            <pc:sldMk cId="620042618" sldId="266"/>
            <ac:spMk id="7" creationId="{B9534022-604E-4143-89E8-27490B095B06}"/>
          </ac:spMkLst>
        </pc:spChg>
      </pc:sldChg>
      <pc:sldChg chg="addSp delSp modSp new del mod modClrScheme chgLayout">
        <pc:chgData name="Eirik Lian" userId="fd61fa22-a593-499a-9d93-9ab7056758e5" providerId="ADAL" clId="{869DCE16-EEAF-FC4D-89D2-5AB34BB69008}" dt="2021-01-11T12:52:41.723" v="10" actId="2696"/>
        <pc:sldMkLst>
          <pc:docMk/>
          <pc:sldMk cId="1858560761" sldId="267"/>
        </pc:sldMkLst>
        <pc:spChg chg="del mod ord">
          <ac:chgData name="Eirik Lian" userId="fd61fa22-a593-499a-9d93-9ab7056758e5" providerId="ADAL" clId="{869DCE16-EEAF-FC4D-89D2-5AB34BB69008}" dt="2021-01-11T12:50:34.877" v="4" actId="700"/>
          <ac:spMkLst>
            <pc:docMk/>
            <pc:sldMk cId="1858560761" sldId="267"/>
            <ac:spMk id="2" creationId="{17EFE89B-D1D5-4644-981F-E0587E7BB634}"/>
          </ac:spMkLst>
        </pc:spChg>
        <pc:spChg chg="mod ord">
          <ac:chgData name="Eirik Lian" userId="fd61fa22-a593-499a-9d93-9ab7056758e5" providerId="ADAL" clId="{869DCE16-EEAF-FC4D-89D2-5AB34BB69008}" dt="2021-01-11T12:50:34.877" v="4" actId="700"/>
          <ac:spMkLst>
            <pc:docMk/>
            <pc:sldMk cId="1858560761" sldId="267"/>
            <ac:spMk id="3" creationId="{4972C683-EEE6-2B46-A36E-96854A4EFD15}"/>
          </ac:spMkLst>
        </pc:spChg>
        <pc:spChg chg="del">
          <ac:chgData name="Eirik Lian" userId="fd61fa22-a593-499a-9d93-9ab7056758e5" providerId="ADAL" clId="{869DCE16-EEAF-FC4D-89D2-5AB34BB69008}" dt="2021-01-11T12:50:34.877" v="4" actId="700"/>
          <ac:spMkLst>
            <pc:docMk/>
            <pc:sldMk cId="1858560761" sldId="267"/>
            <ac:spMk id="4" creationId="{D907D888-E410-3246-A4C2-5B3B2595452B}"/>
          </ac:spMkLst>
        </pc:spChg>
        <pc:spChg chg="add mod ord">
          <ac:chgData name="Eirik Lian" userId="fd61fa22-a593-499a-9d93-9ab7056758e5" providerId="ADAL" clId="{869DCE16-EEAF-FC4D-89D2-5AB34BB69008}" dt="2021-01-11T12:50:34.877" v="4" actId="700"/>
          <ac:spMkLst>
            <pc:docMk/>
            <pc:sldMk cId="1858560761" sldId="267"/>
            <ac:spMk id="5" creationId="{86D413DD-C7CA-0342-A5C1-6B52D2CA15B3}"/>
          </ac:spMkLst>
        </pc:spChg>
      </pc:sldChg>
      <pc:sldChg chg="addSp delSp modSp new mod modClrScheme chgLayout">
        <pc:chgData name="Eirik Lian" userId="fd61fa22-a593-499a-9d93-9ab7056758e5" providerId="ADAL" clId="{869DCE16-EEAF-FC4D-89D2-5AB34BB69008}" dt="2021-01-11T12:50:46.186" v="6" actId="700"/>
        <pc:sldMkLst>
          <pc:docMk/>
          <pc:sldMk cId="1108042337" sldId="268"/>
        </pc:sldMkLst>
        <pc:spChg chg="del mod ord">
          <ac:chgData name="Eirik Lian" userId="fd61fa22-a593-499a-9d93-9ab7056758e5" providerId="ADAL" clId="{869DCE16-EEAF-FC4D-89D2-5AB34BB69008}" dt="2021-01-11T12:50:46.186" v="6" actId="700"/>
          <ac:spMkLst>
            <pc:docMk/>
            <pc:sldMk cId="1108042337" sldId="268"/>
            <ac:spMk id="2" creationId="{B6CA51A5-B55A-0C42-9107-F1E070CF35F3}"/>
          </ac:spMkLst>
        </pc:spChg>
        <pc:spChg chg="mod ord">
          <ac:chgData name="Eirik Lian" userId="fd61fa22-a593-499a-9d93-9ab7056758e5" providerId="ADAL" clId="{869DCE16-EEAF-FC4D-89D2-5AB34BB69008}" dt="2021-01-11T12:50:46.186" v="6" actId="700"/>
          <ac:spMkLst>
            <pc:docMk/>
            <pc:sldMk cId="1108042337" sldId="268"/>
            <ac:spMk id="3" creationId="{2A116226-EA90-9E42-A5CE-F0ADFA3007B0}"/>
          </ac:spMkLst>
        </pc:spChg>
        <pc:spChg chg="add mod ord">
          <ac:chgData name="Eirik Lian" userId="fd61fa22-a593-499a-9d93-9ab7056758e5" providerId="ADAL" clId="{869DCE16-EEAF-FC4D-89D2-5AB34BB69008}" dt="2021-01-11T12:50:46.186" v="6" actId="700"/>
          <ac:spMkLst>
            <pc:docMk/>
            <pc:sldMk cId="1108042337" sldId="268"/>
            <ac:spMk id="4" creationId="{470128B0-EF66-664B-806D-99F82F2F4B85}"/>
          </ac:spMkLst>
        </pc:spChg>
        <pc:spChg chg="add mod ord">
          <ac:chgData name="Eirik Lian" userId="fd61fa22-a593-499a-9d93-9ab7056758e5" providerId="ADAL" clId="{869DCE16-EEAF-FC4D-89D2-5AB34BB69008}" dt="2021-01-11T12:50:46.186" v="6" actId="700"/>
          <ac:spMkLst>
            <pc:docMk/>
            <pc:sldMk cId="1108042337" sldId="268"/>
            <ac:spMk id="5" creationId="{D87E4D8A-B607-DD45-BED7-5FFF57FEA53D}"/>
          </ac:spMkLst>
        </pc:spChg>
      </pc:sldChg>
      <pc:sldChg chg="new del">
        <pc:chgData name="Eirik Lian" userId="fd61fa22-a593-499a-9d93-9ab7056758e5" providerId="ADAL" clId="{869DCE16-EEAF-FC4D-89D2-5AB34BB69008}" dt="2021-01-11T12:53:22.132" v="17" actId="2696"/>
        <pc:sldMkLst>
          <pc:docMk/>
          <pc:sldMk cId="1362695250" sldId="269"/>
        </pc:sldMkLst>
      </pc:sldChg>
      <pc:sldChg chg="new del">
        <pc:chgData name="Eirik Lian" userId="fd61fa22-a593-499a-9d93-9ab7056758e5" providerId="ADAL" clId="{869DCE16-EEAF-FC4D-89D2-5AB34BB69008}" dt="2021-01-11T12:52:35.185" v="8" actId="2696"/>
        <pc:sldMkLst>
          <pc:docMk/>
          <pc:sldMk cId="2990486539" sldId="269"/>
        </pc:sldMkLst>
      </pc:sldChg>
      <pc:sldChg chg="addSp delSp modSp new del mod modClrScheme chgLayout">
        <pc:chgData name="Eirik Lian" userId="fd61fa22-a593-499a-9d93-9ab7056758e5" providerId="ADAL" clId="{869DCE16-EEAF-FC4D-89D2-5AB34BB69008}" dt="2021-01-11T12:53:21.380" v="16" actId="2696"/>
        <pc:sldMkLst>
          <pc:docMk/>
          <pc:sldMk cId="1755782613" sldId="270"/>
        </pc:sldMkLst>
        <pc:spChg chg="del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2" creationId="{9E467892-FB39-5E4F-B0E1-957C38E3097D}"/>
          </ac:spMkLst>
        </pc:spChg>
        <pc:spChg chg="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3" creationId="{AE2DB83E-199B-1142-AA24-C678C7AE60D4}"/>
          </ac:spMkLst>
        </pc:spChg>
        <pc:spChg chg="del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4" creationId="{4E047962-CB6D-DC4B-B722-9385AFC48A70}"/>
          </ac:spMkLst>
        </pc:spChg>
        <pc:spChg chg="add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5" creationId="{EF5FB034-244D-474D-913D-CD99968853DE}"/>
          </ac:spMkLst>
        </pc:spChg>
        <pc:spChg chg="add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6" creationId="{6A334D95-9670-394F-9F6A-E71DE3A11A34}"/>
          </ac:spMkLst>
        </pc:spChg>
        <pc:spChg chg="add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7" creationId="{0BB78F5A-DE3C-FD45-B7B5-89523258165A}"/>
          </ac:spMkLst>
        </pc:spChg>
        <pc:spChg chg="add mod ord">
          <ac:chgData name="Eirik Lian" userId="fd61fa22-a593-499a-9d93-9ab7056758e5" providerId="ADAL" clId="{869DCE16-EEAF-FC4D-89D2-5AB34BB69008}" dt="2021-01-11T12:53:11.523" v="13" actId="700"/>
          <ac:spMkLst>
            <pc:docMk/>
            <pc:sldMk cId="1755782613" sldId="270"/>
            <ac:spMk id="8" creationId="{FAC27E76-0F35-144D-AD76-B6A94BA9332F}"/>
          </ac:spMkLst>
        </pc:spChg>
      </pc:sldChg>
      <pc:sldChg chg="addSp delSp modSp del mod modClrScheme chgLayout">
        <pc:chgData name="Eirik Lian" userId="fd61fa22-a593-499a-9d93-9ab7056758e5" providerId="ADAL" clId="{869DCE16-EEAF-FC4D-89D2-5AB34BB69008}" dt="2021-01-22T11:58:25.662" v="81" actId="2696"/>
        <pc:sldMkLst>
          <pc:docMk/>
          <pc:sldMk cId="2302907714" sldId="270"/>
        </pc:sldMkLst>
        <pc:spChg chg="del mod ord">
          <ac:chgData name="Eirik Lian" userId="fd61fa22-a593-499a-9d93-9ab7056758e5" providerId="ADAL" clId="{869DCE16-EEAF-FC4D-89D2-5AB34BB69008}" dt="2021-01-22T11:29:24.887" v="23" actId="700"/>
          <ac:spMkLst>
            <pc:docMk/>
            <pc:sldMk cId="2302907714" sldId="270"/>
            <ac:spMk id="2" creationId="{D8A636F8-BEEE-4A2C-A2A5-1CC0752F7BF8}"/>
          </ac:spMkLst>
        </pc:spChg>
        <pc:spChg chg="del mod ord">
          <ac:chgData name="Eirik Lian" userId="fd61fa22-a593-499a-9d93-9ab7056758e5" providerId="ADAL" clId="{869DCE16-EEAF-FC4D-89D2-5AB34BB69008}" dt="2021-01-22T11:29:24.887" v="23" actId="700"/>
          <ac:spMkLst>
            <pc:docMk/>
            <pc:sldMk cId="2302907714" sldId="270"/>
            <ac:spMk id="3" creationId="{00BC059B-15F9-4852-A577-B554AEB333D9}"/>
          </ac:spMkLst>
        </pc:spChg>
        <pc:spChg chg="del mod ord">
          <ac:chgData name="Eirik Lian" userId="fd61fa22-a593-499a-9d93-9ab7056758e5" providerId="ADAL" clId="{869DCE16-EEAF-FC4D-89D2-5AB34BB69008}" dt="2021-01-22T11:29:24.887" v="23" actId="700"/>
          <ac:spMkLst>
            <pc:docMk/>
            <pc:sldMk cId="2302907714" sldId="270"/>
            <ac:spMk id="4" creationId="{267B8889-D817-4E86-9B8C-CD697238CD0C}"/>
          </ac:spMkLst>
        </pc:spChg>
        <pc:spChg chg="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5" creationId="{0FD88F16-4C47-4E1C-BF9E-7A6214B8764E}"/>
          </ac:spMkLst>
        </pc:spChg>
        <pc:spChg chg="add del mod ord">
          <ac:chgData name="Eirik Lian" userId="fd61fa22-a593-499a-9d93-9ab7056758e5" providerId="ADAL" clId="{869DCE16-EEAF-FC4D-89D2-5AB34BB69008}" dt="2021-01-22T11:45:56.589" v="68" actId="700"/>
          <ac:spMkLst>
            <pc:docMk/>
            <pc:sldMk cId="2302907714" sldId="270"/>
            <ac:spMk id="6" creationId="{32F069FF-1DFF-FD41-87D8-7487EC6305C1}"/>
          </ac:spMkLst>
        </pc:spChg>
        <pc:spChg chg="add del mod ord">
          <ac:chgData name="Eirik Lian" userId="fd61fa22-a593-499a-9d93-9ab7056758e5" providerId="ADAL" clId="{869DCE16-EEAF-FC4D-89D2-5AB34BB69008}" dt="2021-01-22T11:45:56.589" v="68" actId="700"/>
          <ac:spMkLst>
            <pc:docMk/>
            <pc:sldMk cId="2302907714" sldId="270"/>
            <ac:spMk id="7" creationId="{306CACD9-3095-C041-8FF3-49DEF547CB12}"/>
          </ac:spMkLst>
        </pc:spChg>
        <pc:spChg chg="add del mod ord">
          <ac:chgData name="Eirik Lian" userId="fd61fa22-a593-499a-9d93-9ab7056758e5" providerId="ADAL" clId="{869DCE16-EEAF-FC4D-89D2-5AB34BB69008}" dt="2021-01-22T11:45:56.589" v="68" actId="700"/>
          <ac:spMkLst>
            <pc:docMk/>
            <pc:sldMk cId="2302907714" sldId="270"/>
            <ac:spMk id="8" creationId="{D87D7970-68DE-5149-B79B-E438F5974F30}"/>
          </ac:spMkLst>
        </pc:spChg>
        <pc:spChg chg="add del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9" creationId="{A26A2131-4684-BA41-8FEC-2DA2E20C53A2}"/>
          </ac:spMkLst>
        </pc:spChg>
        <pc:spChg chg="add del mod ord">
          <ac:chgData name="Eirik Lian" userId="fd61fa22-a593-499a-9d93-9ab7056758e5" providerId="ADAL" clId="{869DCE16-EEAF-FC4D-89D2-5AB34BB69008}" dt="2021-01-22T11:46:10.458" v="69" actId="1032"/>
          <ac:spMkLst>
            <pc:docMk/>
            <pc:sldMk cId="2302907714" sldId="270"/>
            <ac:spMk id="10" creationId="{22665A88-CB18-4C44-B0E0-C0B757585D8C}"/>
          </ac:spMkLst>
        </pc:spChg>
        <pc:spChg chg="add del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11" creationId="{BB08DFDA-483A-8C49-83E2-2DEE7BD45AF3}"/>
          </ac:spMkLst>
        </pc:spChg>
        <pc:spChg chg="add del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12" creationId="{FB73BB02-815F-FA48-B69F-064EDFDAEC46}"/>
          </ac:spMkLst>
        </pc:spChg>
        <pc:spChg chg="add del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13" creationId="{8EA4A838-3EE0-E842-88D6-AD7DBB50F2C9}"/>
          </ac:spMkLst>
        </pc:spChg>
        <pc:spChg chg="add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15" creationId="{6E4AE637-00A5-B340-9FAF-BA234EFF3BF6}"/>
          </ac:spMkLst>
        </pc:spChg>
        <pc:spChg chg="add mod ord">
          <ac:chgData name="Eirik Lian" userId="fd61fa22-a593-499a-9d93-9ab7056758e5" providerId="ADAL" clId="{869DCE16-EEAF-FC4D-89D2-5AB34BB69008}" dt="2021-01-22T11:58:10.341" v="78" actId="700"/>
          <ac:spMkLst>
            <pc:docMk/>
            <pc:sldMk cId="2302907714" sldId="270"/>
            <ac:spMk id="16" creationId="{0FCB2B1C-DA9D-A44B-BA88-CA2D19AF73DC}"/>
          </ac:spMkLst>
        </pc:spChg>
        <pc:graphicFrameChg chg="add mod ord modGraphic">
          <ac:chgData name="Eirik Lian" userId="fd61fa22-a593-499a-9d93-9ab7056758e5" providerId="ADAL" clId="{869DCE16-EEAF-FC4D-89D2-5AB34BB69008}" dt="2021-01-22T11:58:12.703" v="79" actId="478"/>
          <ac:graphicFrameMkLst>
            <pc:docMk/>
            <pc:sldMk cId="2302907714" sldId="270"/>
            <ac:graphicFrameMk id="14" creationId="{D92FDCF5-6CA1-D943-A8F1-62FC91C6DA13}"/>
          </ac:graphicFrameMkLst>
        </pc:graphicFrameChg>
      </pc:sldChg>
      <pc:sldChg chg="new del">
        <pc:chgData name="Eirik Lian" userId="fd61fa22-a593-499a-9d93-9ab7056758e5" providerId="ADAL" clId="{869DCE16-EEAF-FC4D-89D2-5AB34BB69008}" dt="2021-01-11T12:53:20.242" v="15" actId="2696"/>
        <pc:sldMkLst>
          <pc:docMk/>
          <pc:sldMk cId="4215140622" sldId="271"/>
        </pc:sldMkLst>
      </pc:sldChg>
      <pc:sldChg chg="addSp delSp modSp new del mod modClrScheme chgLayout">
        <pc:chgData name="Eirik Lian" userId="fd61fa22-a593-499a-9d93-9ab7056758e5" providerId="ADAL" clId="{869DCE16-EEAF-FC4D-89D2-5AB34BB69008}" dt="2021-01-22T11:58:05.560" v="77" actId="2696"/>
        <pc:sldMkLst>
          <pc:docMk/>
          <pc:sldMk cId="753646847" sldId="272"/>
        </pc:sldMkLst>
        <pc:spChg chg="del mod ord">
          <ac:chgData name="Eirik Lian" userId="fd61fa22-a593-499a-9d93-9ab7056758e5" providerId="ADAL" clId="{869DCE16-EEAF-FC4D-89D2-5AB34BB69008}" dt="2021-01-22T11:30:30.208" v="25" actId="700"/>
          <ac:spMkLst>
            <pc:docMk/>
            <pc:sldMk cId="753646847" sldId="272"/>
            <ac:spMk id="2" creationId="{2B2DCE48-F7DC-6D42-8EF4-5B6B28F69AFA}"/>
          </ac:spMkLst>
        </pc:spChg>
        <pc:spChg chg="del mod ord">
          <ac:chgData name="Eirik Lian" userId="fd61fa22-a593-499a-9d93-9ab7056758e5" providerId="ADAL" clId="{869DCE16-EEAF-FC4D-89D2-5AB34BB69008}" dt="2021-01-22T11:30:30.208" v="25" actId="700"/>
          <ac:spMkLst>
            <pc:docMk/>
            <pc:sldMk cId="753646847" sldId="272"/>
            <ac:spMk id="3" creationId="{1912C867-D5CF-BB46-B05D-318DAFBDDA6E}"/>
          </ac:spMkLst>
        </pc:spChg>
        <pc:spChg chg="del mod ord">
          <ac:chgData name="Eirik Lian" userId="fd61fa22-a593-499a-9d93-9ab7056758e5" providerId="ADAL" clId="{869DCE16-EEAF-FC4D-89D2-5AB34BB69008}" dt="2021-01-22T11:30:30.208" v="25" actId="700"/>
          <ac:spMkLst>
            <pc:docMk/>
            <pc:sldMk cId="753646847" sldId="272"/>
            <ac:spMk id="4" creationId="{5E856141-C919-B543-B8E5-D9AAC12159A9}"/>
          </ac:spMkLst>
        </pc:spChg>
        <pc:spChg chg="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5" creationId="{B1602D83-7978-AA42-A289-B75F00C5599F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6" creationId="{D33DAF42-AEC9-A54B-ABAA-487F5C16A659}"/>
          </ac:spMkLst>
        </pc:spChg>
        <pc:spChg chg="add mod ord">
          <ac:chgData name="Eirik Lian" userId="fd61fa22-a593-499a-9d93-9ab7056758e5" providerId="ADAL" clId="{869DCE16-EEAF-FC4D-89D2-5AB34BB69008}" dt="2021-01-22T11:35:54.314" v="62" actId="20577"/>
          <ac:spMkLst>
            <pc:docMk/>
            <pc:sldMk cId="753646847" sldId="272"/>
            <ac:spMk id="7" creationId="{8C931001-D222-064A-BC1E-9FE5479E84A2}"/>
          </ac:spMkLst>
        </pc:spChg>
        <pc:spChg chg="add mod ord">
          <ac:chgData name="Eirik Lian" userId="fd61fa22-a593-499a-9d93-9ab7056758e5" providerId="ADAL" clId="{869DCE16-EEAF-FC4D-89D2-5AB34BB69008}" dt="2021-01-22T11:35:58.310" v="66" actId="20577"/>
          <ac:spMkLst>
            <pc:docMk/>
            <pc:sldMk cId="753646847" sldId="272"/>
            <ac:spMk id="8" creationId="{8659ABC0-7B28-7A40-A27D-35D10260D9AB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9" creationId="{E7BA01D6-5324-5B4D-9E97-A19DD9B55AED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0" creationId="{90C674F6-3731-1040-8DCC-0860210BCF78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1" creationId="{C156A8C2-BEC0-FA44-83F8-AB70EA17EDBB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2" creationId="{05B90840-01A2-254C-87E3-0AAF8DFEE96E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3" creationId="{065E52F2-5705-7D45-8B25-E3CF53CDEF92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4" creationId="{3AEE4818-D674-DB4E-B69D-F1879A5AD915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5" creationId="{857A6616-8968-0E4B-B0EB-CA8F42BFFB8C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6" creationId="{3C991526-3756-E043-BF30-508A14156B61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7" creationId="{B1FEF860-A956-1347-AAE3-02213675D6F6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8" creationId="{DF09CC41-DA95-9240-A6A2-BE292F14E821}"/>
          </ac:spMkLst>
        </pc:spChg>
        <pc:spChg chg="add del mod ord">
          <ac:chgData name="Eirik Lian" userId="fd61fa22-a593-499a-9d93-9ab7056758e5" providerId="ADAL" clId="{869DCE16-EEAF-FC4D-89D2-5AB34BB69008}" dt="2021-01-22T11:34:42.266" v="51" actId="700"/>
          <ac:spMkLst>
            <pc:docMk/>
            <pc:sldMk cId="753646847" sldId="272"/>
            <ac:spMk id="19" creationId="{6EC4804E-74A2-924F-980A-112AA4113C31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0" creationId="{8BDA9FA5-A8EF-7A4A-8CEB-3E937A8021DD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1" creationId="{43B985BC-8862-414A-BECD-8CC93FDF3131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2" creationId="{151CB195-2604-BD43-B6BE-AEAD21616864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3" creationId="{63EA7901-301E-A24C-9C89-4E107047376E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4" creationId="{053AE2E4-CB37-474A-B56F-A81048664591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5" creationId="{1CA87A1E-9845-A241-9365-B9FB72FCEB2A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6" creationId="{06B9438C-FCEE-6947-B12E-0E81439728AC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7" creationId="{B660324C-5521-564C-A72C-89A228C79DAD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8" creationId="{C09875D8-10F2-C046-AD4D-EC14AACE4273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29" creationId="{2C490A11-9CA9-C544-8601-5AF12280C483}"/>
          </ac:spMkLst>
        </pc:spChg>
        <pc:spChg chg="add del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0" creationId="{A5362AC6-76F7-2542-8A6A-A9FCC0F1E11B}"/>
          </ac:spMkLst>
        </pc:spChg>
        <pc:spChg chg="add mod ord">
          <ac:chgData name="Eirik Lian" userId="fd61fa22-a593-499a-9d93-9ab7056758e5" providerId="ADAL" clId="{869DCE16-EEAF-FC4D-89D2-5AB34BB69008}" dt="2021-01-22T11:36:26.137" v="67" actId="207"/>
          <ac:spMkLst>
            <pc:docMk/>
            <pc:sldMk cId="753646847" sldId="272"/>
            <ac:spMk id="31" creationId="{4C4B4419-85A2-304F-8DF5-2A8182C952A9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2" creationId="{17B21D84-1890-694C-8340-D02B48C7ED6C}"/>
          </ac:spMkLst>
        </pc:spChg>
        <pc:spChg chg="add mod ord">
          <ac:chgData name="Eirik Lian" userId="fd61fa22-a593-499a-9d93-9ab7056758e5" providerId="ADAL" clId="{869DCE16-EEAF-FC4D-89D2-5AB34BB69008}" dt="2021-01-22T11:35:33.820" v="57" actId="207"/>
          <ac:spMkLst>
            <pc:docMk/>
            <pc:sldMk cId="753646847" sldId="272"/>
            <ac:spMk id="33" creationId="{246FB6E1-A697-5F49-A1CF-0A4E41E74BC2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4" creationId="{1E772EDA-2342-9448-825C-9419FD2ECC15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5" creationId="{8D4946ED-2BFC-844E-8E36-81FCB2A422D6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6" creationId="{9845691E-A4CD-3B48-9119-C3CCE180601A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7" creationId="{CD85A191-6AE7-AF49-A410-09E9ACF0BEC6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8" creationId="{B6851683-B19F-5940-AEE9-7BAB08A18845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39" creationId="{C574E1C6-CA47-ED48-81AE-E26D9442A5D2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40" creationId="{875E9266-5FE2-5349-8497-89607713B258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41" creationId="{CF635352-50C4-004A-B711-91911C7FBFFE}"/>
          </ac:spMkLst>
        </pc:spChg>
        <pc:spChg chg="add mod ord">
          <ac:chgData name="Eirik Lian" userId="fd61fa22-a593-499a-9d93-9ab7056758e5" providerId="ADAL" clId="{869DCE16-EEAF-FC4D-89D2-5AB34BB69008}" dt="2021-01-22T11:35:16.868" v="56" actId="700"/>
          <ac:spMkLst>
            <pc:docMk/>
            <pc:sldMk cId="753646847" sldId="272"/>
            <ac:spMk id="42" creationId="{816C04CB-544D-3847-999F-3A2EC2916922}"/>
          </ac:spMkLst>
        </pc:spChg>
      </pc:sldChg>
      <pc:sldChg chg="new">
        <pc:chgData name="Eirik Lian" userId="fd61fa22-a593-499a-9d93-9ab7056758e5" providerId="ADAL" clId="{869DCE16-EEAF-FC4D-89D2-5AB34BB69008}" dt="2021-01-22T11:58:23.520" v="80" actId="680"/>
        <pc:sldMkLst>
          <pc:docMk/>
          <pc:sldMk cId="3619548704" sldId="272"/>
        </pc:sldMkLst>
      </pc:sldChg>
      <pc:sldChg chg="delSp modSp new del mod">
        <pc:chgData name="Eirik Lian" userId="fd61fa22-a593-499a-9d93-9ab7056758e5" providerId="ADAL" clId="{869DCE16-EEAF-FC4D-89D2-5AB34BB69008}" dt="2021-01-13T11:24:24.086" v="22" actId="2696"/>
        <pc:sldMkLst>
          <pc:docMk/>
          <pc:sldMk cId="4284595354" sldId="272"/>
        </pc:sldMkLst>
        <pc:spChg chg="del mod">
          <ac:chgData name="Eirik Lian" userId="fd61fa22-a593-499a-9d93-9ab7056758e5" providerId="ADAL" clId="{869DCE16-EEAF-FC4D-89D2-5AB34BB69008}" dt="2021-01-13T10:21:42.441" v="20" actId="478"/>
          <ac:spMkLst>
            <pc:docMk/>
            <pc:sldMk cId="4284595354" sldId="272"/>
            <ac:spMk id="4" creationId="{11D2CE4B-222A-8B49-842D-4E49C7108E4A}"/>
          </ac:spMkLst>
        </pc:spChg>
        <pc:spChg chg="mod">
          <ac:chgData name="Eirik Lian" userId="fd61fa22-a593-499a-9d93-9ab7056758e5" providerId="ADAL" clId="{869DCE16-EEAF-FC4D-89D2-5AB34BB69008}" dt="2021-01-13T10:21:48.358" v="21" actId="207"/>
          <ac:spMkLst>
            <pc:docMk/>
            <pc:sldMk cId="4284595354" sldId="272"/>
            <ac:spMk id="5" creationId="{0FE6D7C4-5691-434B-BE53-C4D99D328AE1}"/>
          </ac:spMkLst>
        </pc:spChg>
      </pc:sldChg>
    </pc:docChg>
  </pc:docChgLst>
  <pc:docChgLst>
    <pc:chgData name="Jonas Bratseth" userId="7880613d-1198-4bca-afa6-2725a9958330" providerId="ADAL" clId="{95DE8DB2-18F4-433B-B35C-C72863037E4B}"/>
    <pc:docChg chg="undo custSel addSld delSld modSld modMainMaster">
      <pc:chgData name="Jonas Bratseth" userId="7880613d-1198-4bca-afa6-2725a9958330" providerId="ADAL" clId="{95DE8DB2-18F4-433B-B35C-C72863037E4B}" dt="2021-04-27T06:07:13.843" v="2270"/>
      <pc:docMkLst>
        <pc:docMk/>
      </pc:docMkLst>
      <pc:sldChg chg="modSp mod modNotes">
        <pc:chgData name="Jonas Bratseth" userId="7880613d-1198-4bca-afa6-2725a9958330" providerId="ADAL" clId="{95DE8DB2-18F4-433B-B35C-C72863037E4B}" dt="2021-04-27T05:54:30.582" v="1857"/>
        <pc:sldMkLst>
          <pc:docMk/>
          <pc:sldMk cId="1108042337" sldId="268"/>
        </pc:sldMkLst>
        <pc:spChg chg="mod">
          <ac:chgData name="Jonas Bratseth" userId="7880613d-1198-4bca-afa6-2725a9958330" providerId="ADAL" clId="{95DE8DB2-18F4-433B-B35C-C72863037E4B}" dt="2021-04-27T05:47:54.898" v="1731" actId="790"/>
          <ac:spMkLst>
            <pc:docMk/>
            <pc:sldMk cId="1108042337" sldId="268"/>
            <ac:spMk id="3" creationId="{2A116226-EA90-9E42-A5CE-F0ADFA3007B0}"/>
          </ac:spMkLst>
        </pc:spChg>
        <pc:spChg chg="mod">
          <ac:chgData name="Jonas Bratseth" userId="7880613d-1198-4bca-afa6-2725a9958330" providerId="ADAL" clId="{95DE8DB2-18F4-433B-B35C-C72863037E4B}" dt="2021-04-27T05:47:54.898" v="1730" actId="790"/>
          <ac:spMkLst>
            <pc:docMk/>
            <pc:sldMk cId="1108042337" sldId="268"/>
            <ac:spMk id="4" creationId="{470128B0-EF66-664B-806D-99F82F2F4B85}"/>
          </ac:spMkLst>
        </pc:spChg>
        <pc:spChg chg="mod">
          <ac:chgData name="Jonas Bratseth" userId="7880613d-1198-4bca-afa6-2725a9958330" providerId="ADAL" clId="{95DE8DB2-18F4-433B-B35C-C72863037E4B}" dt="2021-04-27T05:54:30.582" v="1857"/>
          <ac:spMkLst>
            <pc:docMk/>
            <pc:sldMk cId="1108042337" sldId="268"/>
            <ac:spMk id="5" creationId="{D87E4D8A-B607-DD45-BED7-5FFF57FEA53D}"/>
          </ac:spMkLst>
        </pc:spChg>
      </pc:sldChg>
      <pc:sldChg chg="modSp mod modNotes">
        <pc:chgData name="Jonas Bratseth" userId="7880613d-1198-4bca-afa6-2725a9958330" providerId="ADAL" clId="{95DE8DB2-18F4-433B-B35C-C72863037E4B}" dt="2021-04-27T05:47:54.898" v="1737" actId="790"/>
        <pc:sldMkLst>
          <pc:docMk/>
          <pc:sldMk cId="2843703708" sldId="271"/>
        </pc:sldMkLst>
        <pc:spChg chg="mod">
          <ac:chgData name="Jonas Bratseth" userId="7880613d-1198-4bca-afa6-2725a9958330" providerId="ADAL" clId="{95DE8DB2-18F4-433B-B35C-C72863037E4B}" dt="2021-04-27T05:47:54.898" v="1735" actId="790"/>
          <ac:spMkLst>
            <pc:docMk/>
            <pc:sldMk cId="2843703708" sldId="271"/>
            <ac:spMk id="2" creationId="{70A7728D-7133-4A50-AAD2-58F5F43001D9}"/>
          </ac:spMkLst>
        </pc:spChg>
      </pc:sldChg>
      <pc:sldChg chg="modSp mod modNotes">
        <pc:chgData name="Jonas Bratseth" userId="7880613d-1198-4bca-afa6-2725a9958330" providerId="ADAL" clId="{95DE8DB2-18F4-433B-B35C-C72863037E4B}" dt="2021-04-27T05:47:54.898" v="1729" actId="790"/>
        <pc:sldMkLst>
          <pc:docMk/>
          <pc:sldMk cId="3619548704" sldId="272"/>
        </pc:sldMkLst>
        <pc:spChg chg="mod">
          <ac:chgData name="Jonas Bratseth" userId="7880613d-1198-4bca-afa6-2725a9958330" providerId="ADAL" clId="{95DE8DB2-18F4-433B-B35C-C72863037E4B}" dt="2021-04-27T05:47:54.896" v="1726" actId="790"/>
          <ac:spMkLst>
            <pc:docMk/>
            <pc:sldMk cId="3619548704" sldId="272"/>
            <ac:spMk id="5" creationId="{33084687-7221-0946-B72A-2F8C5E8AA6EB}"/>
          </ac:spMkLst>
        </pc:spChg>
        <pc:spChg chg="mod">
          <ac:chgData name="Jonas Bratseth" userId="7880613d-1198-4bca-afa6-2725a9958330" providerId="ADAL" clId="{95DE8DB2-18F4-433B-B35C-C72863037E4B}" dt="2021-04-27T05:47:54.896" v="1727" actId="790"/>
          <ac:spMkLst>
            <pc:docMk/>
            <pc:sldMk cId="3619548704" sldId="272"/>
            <ac:spMk id="11" creationId="{611280A8-E9CE-4521-8D6E-9480DC2E262D}"/>
          </ac:spMkLst>
        </pc:spChg>
        <pc:spChg chg="mod">
          <ac:chgData name="Jonas Bratseth" userId="7880613d-1198-4bca-afa6-2725a9958330" providerId="ADAL" clId="{95DE8DB2-18F4-433B-B35C-C72863037E4B}" dt="2021-04-27T05:47:54.896" v="1725" actId="790"/>
          <ac:spMkLst>
            <pc:docMk/>
            <pc:sldMk cId="3619548704" sldId="272"/>
            <ac:spMk id="12" creationId="{CE44D5F5-C1BE-4A4B-A515-0C8CA1068255}"/>
          </ac:spMkLst>
        </pc:spChg>
        <pc:spChg chg="mod">
          <ac:chgData name="Jonas Bratseth" userId="7880613d-1198-4bca-afa6-2725a9958330" providerId="ADAL" clId="{95DE8DB2-18F4-433B-B35C-C72863037E4B}" dt="2021-04-27T05:47:54.888" v="1724" actId="790"/>
          <ac:spMkLst>
            <pc:docMk/>
            <pc:sldMk cId="3619548704" sldId="272"/>
            <ac:spMk id="14" creationId="{F47A3C85-2E7B-4B39-A8B0-2A8DE7974320}"/>
          </ac:spMkLst>
        </pc:spChg>
      </pc:sldChg>
      <pc:sldChg chg="new del">
        <pc:chgData name="Jonas Bratseth" userId="7880613d-1198-4bca-afa6-2725a9958330" providerId="ADAL" clId="{95DE8DB2-18F4-433B-B35C-C72863037E4B}" dt="2021-04-27T05:53:29.617" v="1827" actId="47"/>
        <pc:sldMkLst>
          <pc:docMk/>
          <pc:sldMk cId="2449703498" sldId="273"/>
        </pc:sldMkLst>
      </pc:sldChg>
      <pc:sldMasterChg chg="modSp mod modSldLayout">
        <pc:chgData name="Jonas Bratseth" userId="7880613d-1198-4bca-afa6-2725a9958330" providerId="ADAL" clId="{95DE8DB2-18F4-433B-B35C-C72863037E4B}" dt="2021-04-27T06:05:59.867" v="2263"/>
        <pc:sldMasterMkLst>
          <pc:docMk/>
          <pc:sldMasterMk cId="750743933" sldId="2147483648"/>
        </pc:sldMasterMkLst>
        <pc:spChg chg="mod">
          <ac:chgData name="Jonas Bratseth" userId="7880613d-1198-4bca-afa6-2725a9958330" providerId="ADAL" clId="{95DE8DB2-18F4-433B-B35C-C72863037E4B}" dt="2021-04-27T06:05:59.867" v="2263"/>
          <ac:spMkLst>
            <pc:docMk/>
            <pc:sldMasterMk cId="750743933" sldId="2147483648"/>
            <ac:spMk id="3" creationId="{FB7FA735-9FEC-45E4-8627-8C8C6073AC5F}"/>
          </ac:spMkLst>
        </pc:spChg>
        <pc:sldLayoutChg chg="modSp mod">
          <pc:chgData name="Jonas Bratseth" userId="7880613d-1198-4bca-afa6-2725a9958330" providerId="ADAL" clId="{95DE8DB2-18F4-433B-B35C-C72863037E4B}" dt="2021-04-27T05:52:34.607" v="1819" actId="20577"/>
          <pc:sldLayoutMkLst>
            <pc:docMk/>
            <pc:sldMasterMk cId="750743933" sldId="2147483648"/>
            <pc:sldLayoutMk cId="2347992648" sldId="2147483649"/>
          </pc:sldLayoutMkLst>
          <pc:spChg chg="mod">
            <ac:chgData name="Jonas Bratseth" userId="7880613d-1198-4bca-afa6-2725a9958330" providerId="ADAL" clId="{95DE8DB2-18F4-433B-B35C-C72863037E4B}" dt="2021-04-27T05:47:54.163" v="981" actId="790"/>
            <ac:spMkLst>
              <pc:docMk/>
              <pc:sldMasterMk cId="750743933" sldId="2147483648"/>
              <pc:sldLayoutMk cId="2347992648" sldId="2147483649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5:52:34.607" v="1819" actId="20577"/>
            <ac:spMkLst>
              <pc:docMk/>
              <pc:sldMasterMk cId="750743933" sldId="2147483648"/>
              <pc:sldLayoutMk cId="2347992648" sldId="2147483649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166" v="983" actId="790"/>
            <ac:spMkLst>
              <pc:docMk/>
              <pc:sldMasterMk cId="750743933" sldId="2147483648"/>
              <pc:sldLayoutMk cId="2347992648" sldId="2147483649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166" v="986" actId="790"/>
            <ac:spMkLst>
              <pc:docMk/>
              <pc:sldMasterMk cId="750743933" sldId="2147483648"/>
              <pc:sldLayoutMk cId="2347992648" sldId="2147483649"/>
              <ac:spMk id="9" creationId="{47C6278C-3D38-4D4F-9845-8E9C33C17261}"/>
            </ac:spMkLst>
          </pc:spChg>
          <pc:spChg chg="mod">
            <ac:chgData name="Jonas Bratseth" userId="7880613d-1198-4bca-afa6-2725a9958330" providerId="ADAL" clId="{95DE8DB2-18F4-433B-B35C-C72863037E4B}" dt="2021-04-27T05:52:15.549" v="1787"/>
            <ac:spMkLst>
              <pc:docMk/>
              <pc:sldMasterMk cId="750743933" sldId="2147483648"/>
              <pc:sldLayoutMk cId="2347992648" sldId="2147483649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5:52:12.030" v="1786" actId="20577"/>
            <ac:spMkLst>
              <pc:docMk/>
              <pc:sldMasterMk cId="750743933" sldId="2147483648"/>
              <pc:sldLayoutMk cId="2347992648" sldId="2147483649"/>
              <ac:spMk id="30" creationId="{4CC0A7DB-27EF-4BE8-93B0-2E99409AE43A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6:05:52.759" v="2262"/>
          <pc:sldLayoutMkLst>
            <pc:docMk/>
            <pc:sldMasterMk cId="750743933" sldId="2147483648"/>
            <pc:sldLayoutMk cId="477069560" sldId="2147483650"/>
          </pc:sldLayoutMkLst>
          <pc:spChg chg="mod">
            <ac:chgData name="Jonas Bratseth" userId="7880613d-1198-4bca-afa6-2725a9958330" providerId="ADAL" clId="{95DE8DB2-18F4-433B-B35C-C72863037E4B}" dt="2021-04-27T05:54:35.547" v="1859"/>
            <ac:spMkLst>
              <pc:docMk/>
              <pc:sldMasterMk cId="750743933" sldId="2147483648"/>
              <pc:sldLayoutMk cId="477069560" sldId="2147483650"/>
              <ac:spMk id="2" creationId="{9D8C0CC4-FF8D-4840-9F6A-DCCFD694CE44}"/>
            </ac:spMkLst>
          </pc:spChg>
          <pc:spChg chg="del mod">
            <ac:chgData name="Jonas Bratseth" userId="7880613d-1198-4bca-afa6-2725a9958330" providerId="ADAL" clId="{95DE8DB2-18F4-433B-B35C-C72863037E4B}" dt="2021-04-27T05:54:41.732" v="1870"/>
            <ac:spMkLst>
              <pc:docMk/>
              <pc:sldMasterMk cId="750743933" sldId="2147483648"/>
              <pc:sldLayoutMk cId="477069560" sldId="2147483650"/>
              <ac:spMk id="3" creationId="{0D93E16A-6125-4B01-9B97-3CA53DFF61AB}"/>
            </ac:spMkLst>
          </pc:spChg>
          <pc:spChg chg="add mod">
            <ac:chgData name="Jonas Bratseth" userId="7880613d-1198-4bca-afa6-2725a9958330" providerId="ADAL" clId="{95DE8DB2-18F4-433B-B35C-C72863037E4B}" dt="2021-04-27T06:05:52.759" v="2262"/>
            <ac:spMkLst>
              <pc:docMk/>
              <pc:sldMasterMk cId="750743933" sldId="2147483648"/>
              <pc:sldLayoutMk cId="477069560" sldId="2147483650"/>
              <ac:spMk id="4" creationId="{B91C3BC8-09FC-4FB8-8544-B5D999DF2BE0}"/>
            </ac:spMkLst>
          </pc:spChg>
          <pc:spChg chg="mod">
            <ac:chgData name="Jonas Bratseth" userId="7880613d-1198-4bca-afa6-2725a9958330" providerId="ADAL" clId="{95DE8DB2-18F4-433B-B35C-C72863037E4B}" dt="2021-04-27T05:54:48.460" v="1871"/>
            <ac:spMkLst>
              <pc:docMk/>
              <pc:sldMasterMk cId="750743933" sldId="2147483648"/>
              <pc:sldLayoutMk cId="477069560" sldId="2147483650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196" v="1003" actId="790"/>
            <ac:spMkLst>
              <pc:docMk/>
              <pc:sldMasterMk cId="750743933" sldId="2147483648"/>
              <pc:sldLayoutMk cId="477069560" sldId="2147483650"/>
              <ac:spMk id="11" creationId="{5C7DF1C5-A62B-48F2-8482-9AFA5987E96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3:37.300" v="1828"/>
          <pc:sldLayoutMkLst>
            <pc:docMk/>
            <pc:sldMasterMk cId="750743933" sldId="2147483648"/>
            <pc:sldLayoutMk cId="2339586804" sldId="2147483660"/>
          </pc:sldLayoutMkLst>
          <pc:spChg chg="mod">
            <ac:chgData name="Jonas Bratseth" userId="7880613d-1198-4bca-afa6-2725a9958330" providerId="ADAL" clId="{95DE8DB2-18F4-433B-B35C-C72863037E4B}" dt="2021-04-27T05:52:58.841" v="1823" actId="20577"/>
            <ac:spMkLst>
              <pc:docMk/>
              <pc:sldMasterMk cId="750743933" sldId="2147483648"/>
              <pc:sldLayoutMk cId="2339586804" sldId="2147483660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174" v="990" actId="790"/>
            <ac:spMkLst>
              <pc:docMk/>
              <pc:sldMasterMk cId="750743933" sldId="2147483648"/>
              <pc:sldLayoutMk cId="2339586804" sldId="2147483660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53:37.300" v="1828"/>
            <ac:spMkLst>
              <pc:docMk/>
              <pc:sldMasterMk cId="750743933" sldId="2147483648"/>
              <pc:sldLayoutMk cId="2339586804" sldId="2147483660"/>
              <ac:spMk id="7" creationId="{2CB31F07-7988-4E6E-9EB1-1E331F9F3747}"/>
            </ac:spMkLst>
          </pc:spChg>
          <pc:spChg chg="mod">
            <ac:chgData name="Jonas Bratseth" userId="7880613d-1198-4bca-afa6-2725a9958330" providerId="ADAL" clId="{95DE8DB2-18F4-433B-B35C-C72863037E4B}" dt="2021-04-27T05:47:54.174" v="992" actId="790"/>
            <ac:spMkLst>
              <pc:docMk/>
              <pc:sldMasterMk cId="750743933" sldId="2147483648"/>
              <pc:sldLayoutMk cId="2339586804" sldId="2147483660"/>
              <ac:spMk id="9" creationId="{6BA452CE-6521-4710-BBBF-4AE21A3DDEF5}"/>
            </ac:spMkLst>
          </pc:spChg>
          <pc:spChg chg="mod">
            <ac:chgData name="Jonas Bratseth" userId="7880613d-1198-4bca-afa6-2725a9958330" providerId="ADAL" clId="{95DE8DB2-18F4-433B-B35C-C72863037E4B}" dt="2021-04-27T05:47:54.174" v="988" actId="790"/>
            <ac:spMkLst>
              <pc:docMk/>
              <pc:sldMasterMk cId="750743933" sldId="2147483648"/>
              <pc:sldLayoutMk cId="2339586804" sldId="2147483660"/>
              <ac:spMk id="21" creationId="{97978271-5187-4431-9708-C927DF0F7F6D}"/>
            </ac:spMkLst>
          </pc:spChg>
          <pc:spChg chg="mod">
            <ac:chgData name="Jonas Bratseth" userId="7880613d-1198-4bca-afa6-2725a9958330" providerId="ADAL" clId="{95DE8DB2-18F4-433B-B35C-C72863037E4B}" dt="2021-04-27T05:47:54.174" v="991" actId="790"/>
            <ac:spMkLst>
              <pc:docMk/>
              <pc:sldMasterMk cId="750743933" sldId="2147483648"/>
              <pc:sldLayoutMk cId="2339586804" sldId="2147483660"/>
              <ac:spMk id="22" creationId="{45768DF2-6EBF-48BC-A321-F4FD52853E7F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4:55.521" v="1872"/>
          <pc:sldLayoutMkLst>
            <pc:docMk/>
            <pc:sldMasterMk cId="750743933" sldId="2147483648"/>
            <pc:sldLayoutMk cId="4221861873" sldId="2147483661"/>
          </pc:sldLayoutMkLst>
          <pc:spChg chg="mod">
            <ac:chgData name="Jonas Bratseth" userId="7880613d-1198-4bca-afa6-2725a9958330" providerId="ADAL" clId="{95DE8DB2-18F4-433B-B35C-C72863037E4B}" dt="2021-04-27T05:54:55.521" v="1872"/>
            <ac:spMkLst>
              <pc:docMk/>
              <pc:sldMasterMk cId="750743933" sldId="2147483648"/>
              <pc:sldLayoutMk cId="4221861873" sldId="214748366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04" v="1007" actId="790"/>
            <ac:spMkLst>
              <pc:docMk/>
              <pc:sldMasterMk cId="750743933" sldId="2147483648"/>
              <pc:sldLayoutMk cId="4221861873" sldId="2147483661"/>
              <ac:spMk id="8" creationId="{55B705F1-BD8F-4927-980D-9E3C23775A55}"/>
            </ac:spMkLst>
          </pc:spChg>
          <pc:spChg chg="mod">
            <ac:chgData name="Jonas Bratseth" userId="7880613d-1198-4bca-afa6-2725a9958330" providerId="ADAL" clId="{95DE8DB2-18F4-433B-B35C-C72863037E4B}" dt="2021-04-27T05:47:54.196" v="1005" actId="790"/>
            <ac:spMkLst>
              <pc:docMk/>
              <pc:sldMasterMk cId="750743933" sldId="2147483648"/>
              <pc:sldLayoutMk cId="4221861873" sldId="2147483661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196" v="1006" actId="790"/>
            <ac:spMkLst>
              <pc:docMk/>
              <pc:sldMasterMk cId="750743933" sldId="2147483648"/>
              <pc:sldLayoutMk cId="4221861873" sldId="2147483661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284" v="1082" actId="790"/>
          <pc:sldLayoutMkLst>
            <pc:docMk/>
            <pc:sldMasterMk cId="750743933" sldId="2147483648"/>
            <pc:sldLayoutMk cId="699857715" sldId="2147483668"/>
          </pc:sldLayoutMkLst>
          <pc:spChg chg="mod">
            <ac:chgData name="Jonas Bratseth" userId="7880613d-1198-4bca-afa6-2725a9958330" providerId="ADAL" clId="{95DE8DB2-18F4-433B-B35C-C72863037E4B}" dt="2021-04-27T05:47:54.284" v="1082" actId="790"/>
            <ac:spMkLst>
              <pc:docMk/>
              <pc:sldMasterMk cId="750743933" sldId="2147483648"/>
              <pc:sldLayoutMk cId="699857715" sldId="2147483668"/>
              <ac:spMk id="5" creationId="{04904180-C847-4FC0-9759-1956EECC4080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5:54:30.582" v="1857"/>
          <pc:sldLayoutMkLst>
            <pc:docMk/>
            <pc:sldMasterMk cId="750743933" sldId="2147483648"/>
            <pc:sldLayoutMk cId="4145436888" sldId="2147483670"/>
          </pc:sldLayoutMkLst>
          <pc:spChg chg="mod">
            <ac:chgData name="Jonas Bratseth" userId="7880613d-1198-4bca-afa6-2725a9958330" providerId="ADAL" clId="{95DE8DB2-18F4-433B-B35C-C72863037E4B}" dt="2021-04-27T05:54:19.822" v="1846" actId="20577"/>
            <ac:spMkLst>
              <pc:docMk/>
              <pc:sldMasterMk cId="750743933" sldId="2147483648"/>
              <pc:sldLayoutMk cId="4145436888" sldId="2147483670"/>
              <ac:spMk id="2" creationId="{9D8C0CC4-FF8D-4840-9F6A-DCCFD694CE44}"/>
            </ac:spMkLst>
          </pc:spChg>
          <pc:spChg chg="add mod">
            <ac:chgData name="Jonas Bratseth" userId="7880613d-1198-4bca-afa6-2725a9958330" providerId="ADAL" clId="{95DE8DB2-18F4-433B-B35C-C72863037E4B}" dt="2021-04-27T05:54:30.581" v="1855" actId="299"/>
            <ac:spMkLst>
              <pc:docMk/>
              <pc:sldMasterMk cId="750743933" sldId="2147483648"/>
              <pc:sldLayoutMk cId="4145436888" sldId="2147483670"/>
              <ac:spMk id="3" creationId="{CD1023A1-8AB4-4792-A544-334CC7A19877}"/>
            </ac:spMkLst>
          </pc:spChg>
          <pc:spChg chg="del mod">
            <ac:chgData name="Jonas Bratseth" userId="7880613d-1198-4bca-afa6-2725a9958330" providerId="ADAL" clId="{95DE8DB2-18F4-433B-B35C-C72863037E4B}" dt="2021-04-27T05:54:30.582" v="1857"/>
            <ac:spMkLst>
              <pc:docMk/>
              <pc:sldMasterMk cId="750743933" sldId="2147483648"/>
              <pc:sldLayoutMk cId="4145436888" sldId="2147483670"/>
              <ac:spMk id="7" creationId="{8F04DE89-81A4-4BB5-B6A8-37F48E1E59EE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5:57:46.259" v="1984" actId="20577"/>
          <pc:sldLayoutMkLst>
            <pc:docMk/>
            <pc:sldMasterMk cId="750743933" sldId="2147483648"/>
            <pc:sldLayoutMk cId="3191163200" sldId="2147483688"/>
          </pc:sldLayoutMkLst>
          <pc:spChg chg="del">
            <ac:chgData name="Jonas Bratseth" userId="7880613d-1198-4bca-afa6-2725a9958330" providerId="ADAL" clId="{95DE8DB2-18F4-433B-B35C-C72863037E4B}" dt="2021-04-26T08:40:21.275" v="0" actId="478"/>
            <ac:spMkLst>
              <pc:docMk/>
              <pc:sldMasterMk cId="750743933" sldId="2147483648"/>
              <pc:sldLayoutMk cId="3191163200" sldId="2147483688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95DE8DB2-18F4-433B-B35C-C72863037E4B}" dt="2021-04-26T08:40:22.676" v="1" actId="478"/>
            <ac:spMkLst>
              <pc:docMk/>
              <pc:sldMasterMk cId="750743933" sldId="2147483648"/>
              <pc:sldLayoutMk cId="3191163200" sldId="2147483688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174" v="993" actId="790"/>
            <ac:spMkLst>
              <pc:docMk/>
              <pc:sldMasterMk cId="750743933" sldId="2147483648"/>
              <pc:sldLayoutMk cId="3191163200" sldId="2147483688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57:46.259" v="1984" actId="20577"/>
            <ac:spMkLst>
              <pc:docMk/>
              <pc:sldMasterMk cId="750743933" sldId="2147483648"/>
              <pc:sldLayoutMk cId="3191163200" sldId="2147483688"/>
              <ac:spMk id="6" creationId="{9411C7D4-48C4-4B82-9272-C825344475C8}"/>
            </ac:spMkLst>
          </pc:spChg>
          <pc:spChg chg="mod">
            <ac:chgData name="Jonas Bratseth" userId="7880613d-1198-4bca-afa6-2725a9958330" providerId="ADAL" clId="{95DE8DB2-18F4-433B-B35C-C72863037E4B}" dt="2021-04-27T05:47:54.174" v="994" actId="790"/>
            <ac:spMkLst>
              <pc:docMk/>
              <pc:sldMasterMk cId="750743933" sldId="2147483648"/>
              <pc:sldLayoutMk cId="3191163200" sldId="2147483688"/>
              <ac:spMk id="8" creationId="{83E9D99F-0012-4E73-A817-39C3B2316B8A}"/>
            </ac:spMkLst>
          </pc:spChg>
          <pc:spChg chg="add mod">
            <ac:chgData name="Jonas Bratseth" userId="7880613d-1198-4bca-afa6-2725a9958330" providerId="ADAL" clId="{95DE8DB2-18F4-433B-B35C-C72863037E4B}" dt="2021-04-27T05:47:54.174" v="995" actId="790"/>
            <ac:spMkLst>
              <pc:docMk/>
              <pc:sldMasterMk cId="750743933" sldId="2147483648"/>
              <pc:sldLayoutMk cId="3191163200" sldId="2147483688"/>
              <ac:spMk id="9" creationId="{21A8DF51-44DC-4BDF-9054-2976AAEBCDAB}"/>
            </ac:spMkLst>
          </pc:spChg>
          <pc:spChg chg="add mod">
            <ac:chgData name="Jonas Bratseth" userId="7880613d-1198-4bca-afa6-2725a9958330" providerId="ADAL" clId="{95DE8DB2-18F4-433B-B35C-C72863037E4B}" dt="2021-04-27T05:53:59.893" v="1831"/>
            <ac:spMkLst>
              <pc:docMk/>
              <pc:sldMasterMk cId="750743933" sldId="2147483648"/>
              <pc:sldLayoutMk cId="3191163200" sldId="2147483688"/>
              <ac:spMk id="10" creationId="{1952B9CE-36E6-4ED0-8B22-9FEA56DF56F9}"/>
            </ac:spMkLst>
          </pc:spChg>
          <pc:spChg chg="add mod">
            <ac:chgData name="Jonas Bratseth" userId="7880613d-1198-4bca-afa6-2725a9958330" providerId="ADAL" clId="{95DE8DB2-18F4-433B-B35C-C72863037E4B}" dt="2021-04-27T05:47:54.174" v="997" actId="790"/>
            <ac:spMkLst>
              <pc:docMk/>
              <pc:sldMasterMk cId="750743933" sldId="2147483648"/>
              <pc:sldLayoutMk cId="3191163200" sldId="2147483688"/>
              <ac:spMk id="11" creationId="{353E643A-C53C-41CB-99D2-E06C08754DAD}"/>
            </ac:spMkLst>
          </pc:spChg>
          <pc:spChg chg="add del">
            <ac:chgData name="Jonas Bratseth" userId="7880613d-1198-4bca-afa6-2725a9958330" providerId="ADAL" clId="{95DE8DB2-18F4-433B-B35C-C72863037E4B}" dt="2021-04-27T05:57:40.741" v="1977" actId="22"/>
            <ac:spMkLst>
              <pc:docMk/>
              <pc:sldMasterMk cId="750743933" sldId="2147483648"/>
              <pc:sldLayoutMk cId="3191163200" sldId="2147483688"/>
              <ac:spMk id="12" creationId="{DDDD74CA-FDC6-4ABB-8A53-E7FD5B6AE73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01.941" v="2139"/>
          <pc:sldLayoutMkLst>
            <pc:docMk/>
            <pc:sldMasterMk cId="750743933" sldId="2147483648"/>
            <pc:sldLayoutMk cId="1761091794" sldId="2147483692"/>
          </pc:sldLayoutMkLst>
          <pc:spChg chg="mod">
            <ac:chgData name="Jonas Bratseth" userId="7880613d-1198-4bca-afa6-2725a9958330" providerId="ADAL" clId="{95DE8DB2-18F4-433B-B35C-C72863037E4B}" dt="2021-04-27T05:54:58.958" v="1874"/>
            <ac:spMkLst>
              <pc:docMk/>
              <pc:sldMasterMk cId="750743933" sldId="2147483648"/>
              <pc:sldLayoutMk cId="1761091794" sldId="2147483692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3:00.928" v="2137"/>
            <ac:spMkLst>
              <pc:docMk/>
              <pc:sldMasterMk cId="750743933" sldId="2147483648"/>
              <pc:sldLayoutMk cId="1761091794" sldId="2147483692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217" v="1017" actId="790"/>
            <ac:spMkLst>
              <pc:docMk/>
              <pc:sldMasterMk cId="750743933" sldId="2147483648"/>
              <pc:sldLayoutMk cId="1761091794" sldId="2147483692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214" v="1015" actId="790"/>
            <ac:spMkLst>
              <pc:docMk/>
              <pc:sldMasterMk cId="750743933" sldId="2147483648"/>
              <pc:sldLayoutMk cId="1761091794" sldId="2147483692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6:03:01.471" v="2138"/>
            <ac:spMkLst>
              <pc:docMk/>
              <pc:sldMasterMk cId="750743933" sldId="2147483648"/>
              <pc:sldLayoutMk cId="1761091794" sldId="2147483692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214" v="1016" actId="790"/>
            <ac:spMkLst>
              <pc:docMk/>
              <pc:sldMasterMk cId="750743933" sldId="2147483648"/>
              <pc:sldLayoutMk cId="1761091794" sldId="2147483692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6:03:01.941" v="2139"/>
            <ac:spMkLst>
              <pc:docMk/>
              <pc:sldMasterMk cId="750743933" sldId="2147483648"/>
              <pc:sldLayoutMk cId="1761091794" sldId="2147483692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218" v="1021" actId="790"/>
            <ac:spMkLst>
              <pc:docMk/>
              <pc:sldMasterMk cId="750743933" sldId="2147483648"/>
              <pc:sldLayoutMk cId="1761091794" sldId="2147483692"/>
              <ac:spMk id="15" creationId="{C4B1CCD6-DE24-4885-B377-F22C82601BE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08.713" v="1881"/>
          <pc:sldLayoutMkLst>
            <pc:docMk/>
            <pc:sldMasterMk cId="750743933" sldId="2147483648"/>
            <pc:sldLayoutMk cId="4019057681" sldId="2147483696"/>
          </pc:sldLayoutMkLst>
          <pc:spChg chg="mod">
            <ac:chgData name="Jonas Bratseth" userId="7880613d-1198-4bca-afa6-2725a9958330" providerId="ADAL" clId="{95DE8DB2-18F4-433B-B35C-C72863037E4B}" dt="2021-04-27T05:55:08.713" v="1881"/>
            <ac:spMkLst>
              <pc:docMk/>
              <pc:sldMasterMk cId="750743933" sldId="2147483648"/>
              <pc:sldLayoutMk cId="4019057681" sldId="214748369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76" v="1081" actId="790"/>
            <ac:spMkLst>
              <pc:docMk/>
              <pc:sldMasterMk cId="750743933" sldId="2147483648"/>
              <pc:sldLayoutMk cId="4019057681" sldId="2147483696"/>
              <ac:spMk id="6" creationId="{9819E40C-11F9-4CC9-A0F5-A28346A4DD61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03.416" v="1877"/>
          <pc:sldLayoutMkLst>
            <pc:docMk/>
            <pc:sldMasterMk cId="750743933" sldId="2147483648"/>
            <pc:sldLayoutMk cId="415886399" sldId="2147483697"/>
          </pc:sldLayoutMkLst>
          <pc:spChg chg="mod">
            <ac:chgData name="Jonas Bratseth" userId="7880613d-1198-4bca-afa6-2725a9958330" providerId="ADAL" clId="{95DE8DB2-18F4-433B-B35C-C72863037E4B}" dt="2021-04-27T05:55:03.416" v="1877"/>
            <ac:spMkLst>
              <pc:docMk/>
              <pc:sldMasterMk cId="750743933" sldId="2147483648"/>
              <pc:sldLayoutMk cId="415886399" sldId="214748369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52" v="1045" actId="790"/>
            <ac:spMkLst>
              <pc:docMk/>
              <pc:sldMasterMk cId="750743933" sldId="2147483648"/>
              <pc:sldLayoutMk cId="415886399" sldId="2147483697"/>
              <ac:spMk id="8" creationId="{F6747267-EFBF-44BB-9183-953BF10B458F}"/>
            </ac:spMkLst>
          </pc:spChg>
          <pc:spChg chg="mod">
            <ac:chgData name="Jonas Bratseth" userId="7880613d-1198-4bca-afa6-2725a9958330" providerId="ADAL" clId="{95DE8DB2-18F4-433B-B35C-C72863037E4B}" dt="2021-04-27T05:47:54.254" v="1046" actId="790"/>
            <ac:spMkLst>
              <pc:docMk/>
              <pc:sldMasterMk cId="750743933" sldId="2147483648"/>
              <pc:sldLayoutMk cId="415886399" sldId="2147483697"/>
              <ac:spMk id="10" creationId="{FE31E4EF-E536-4BF9-9022-3B7F2DAC9C06}"/>
            </ac:spMkLst>
          </pc:spChg>
          <pc:spChg chg="mod">
            <ac:chgData name="Jonas Bratseth" userId="7880613d-1198-4bca-afa6-2725a9958330" providerId="ADAL" clId="{95DE8DB2-18F4-433B-B35C-C72863037E4B}" dt="2021-04-27T05:47:54.256" v="1047" actId="790"/>
            <ac:spMkLst>
              <pc:docMk/>
              <pc:sldMasterMk cId="750743933" sldId="2147483648"/>
              <pc:sldLayoutMk cId="415886399" sldId="2147483697"/>
              <ac:spMk id="11" creationId="{23BE2648-25FC-495F-B368-4BD2F773FC40}"/>
            </ac:spMkLst>
          </pc:spChg>
          <pc:spChg chg="mod">
            <ac:chgData name="Jonas Bratseth" userId="7880613d-1198-4bca-afa6-2725a9958330" providerId="ADAL" clId="{95DE8DB2-18F4-433B-B35C-C72863037E4B}" dt="2021-04-27T05:47:54.258" v="1048" actId="790"/>
            <ac:spMkLst>
              <pc:docMk/>
              <pc:sldMasterMk cId="750743933" sldId="2147483648"/>
              <pc:sldLayoutMk cId="415886399" sldId="2147483697"/>
              <ac:spMk id="12" creationId="{EE9E63F2-0D8E-4E93-9804-11C06A125F46}"/>
            </ac:spMkLst>
          </pc:spChg>
          <pc:spChg chg="mod">
            <ac:chgData name="Jonas Bratseth" userId="7880613d-1198-4bca-afa6-2725a9958330" providerId="ADAL" clId="{95DE8DB2-18F4-433B-B35C-C72863037E4B}" dt="2021-04-27T05:47:54.259" v="1049" actId="790"/>
            <ac:spMkLst>
              <pc:docMk/>
              <pc:sldMasterMk cId="750743933" sldId="2147483648"/>
              <pc:sldLayoutMk cId="415886399" sldId="2147483697"/>
              <ac:spMk id="14" creationId="{1E09ED89-26A1-4FE1-A40F-EB42F632CDBD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2:59.839" v="2136"/>
          <pc:sldLayoutMkLst>
            <pc:docMk/>
            <pc:sldMasterMk cId="750743933" sldId="2147483648"/>
            <pc:sldLayoutMk cId="4227365594" sldId="2147483704"/>
          </pc:sldLayoutMkLst>
          <pc:spChg chg="mod">
            <ac:chgData name="Jonas Bratseth" userId="7880613d-1198-4bca-afa6-2725a9958330" providerId="ADAL" clId="{95DE8DB2-18F4-433B-B35C-C72863037E4B}" dt="2021-04-27T05:54:57.501" v="1873"/>
            <ac:spMkLst>
              <pc:docMk/>
              <pc:sldMasterMk cId="750743933" sldId="2147483648"/>
              <pc:sldLayoutMk cId="4227365594" sldId="214748370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2:59" v="2135"/>
            <ac:spMkLst>
              <pc:docMk/>
              <pc:sldMasterMk cId="750743933" sldId="2147483648"/>
              <pc:sldLayoutMk cId="4227365594" sldId="2147483704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206" v="1010" actId="790"/>
            <ac:spMkLst>
              <pc:docMk/>
              <pc:sldMasterMk cId="750743933" sldId="2147483648"/>
              <pc:sldLayoutMk cId="4227365594" sldId="2147483704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206" v="1009" actId="790"/>
            <ac:spMkLst>
              <pc:docMk/>
              <pc:sldMasterMk cId="750743933" sldId="2147483648"/>
              <pc:sldLayoutMk cId="4227365594" sldId="2147483704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206" v="1013" actId="790"/>
            <ac:spMkLst>
              <pc:docMk/>
              <pc:sldMasterMk cId="750743933" sldId="2147483648"/>
              <pc:sldLayoutMk cId="4227365594" sldId="2147483704"/>
              <ac:spMk id="11" creationId="{0E0D9193-69AD-43FB-9918-A2B29145892B}"/>
            </ac:spMkLst>
          </pc:spChg>
          <pc:spChg chg="mod">
            <ac:chgData name="Jonas Bratseth" userId="7880613d-1198-4bca-afa6-2725a9958330" providerId="ADAL" clId="{95DE8DB2-18F4-433B-B35C-C72863037E4B}" dt="2021-04-27T06:02:59.839" v="2136"/>
            <ac:spMkLst>
              <pc:docMk/>
              <pc:sldMasterMk cId="750743933" sldId="2147483648"/>
              <pc:sldLayoutMk cId="4227365594" sldId="2147483704"/>
              <ac:spMk id="13" creationId="{7C40E28E-F22B-4290-AC19-015D2EF8E6B5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04.981" v="2143"/>
          <pc:sldLayoutMkLst>
            <pc:docMk/>
            <pc:sldMasterMk cId="750743933" sldId="2147483648"/>
            <pc:sldLayoutMk cId="3314286841" sldId="2147483705"/>
          </pc:sldLayoutMkLst>
          <pc:spChg chg="mod">
            <ac:chgData name="Jonas Bratseth" userId="7880613d-1198-4bca-afa6-2725a9958330" providerId="ADAL" clId="{95DE8DB2-18F4-433B-B35C-C72863037E4B}" dt="2021-04-27T05:55:00.638" v="1875"/>
            <ac:spMkLst>
              <pc:docMk/>
              <pc:sldMasterMk cId="750743933" sldId="2147483648"/>
              <pc:sldLayoutMk cId="3314286841" sldId="214748370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3:03.167" v="2140"/>
            <ac:spMkLst>
              <pc:docMk/>
              <pc:sldMasterMk cId="750743933" sldId="2147483648"/>
              <pc:sldLayoutMk cId="3314286841" sldId="2147483705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224" v="1023" actId="790"/>
            <ac:spMkLst>
              <pc:docMk/>
              <pc:sldMasterMk cId="750743933" sldId="2147483648"/>
              <pc:sldLayoutMk cId="3314286841" sldId="2147483705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6:03:03.711" v="2141"/>
            <ac:spMkLst>
              <pc:docMk/>
              <pc:sldMasterMk cId="750743933" sldId="2147483648"/>
              <pc:sldLayoutMk cId="3314286841" sldId="2147483705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226" v="1028" actId="790"/>
            <ac:spMkLst>
              <pc:docMk/>
              <pc:sldMasterMk cId="750743933" sldId="2147483648"/>
              <pc:sldLayoutMk cId="3314286841" sldId="2147483705"/>
              <ac:spMk id="12" creationId="{1353C839-9966-4A19-AE29-71299F46D598}"/>
            </ac:spMkLst>
          </pc:spChg>
          <pc:spChg chg="mod">
            <ac:chgData name="Jonas Bratseth" userId="7880613d-1198-4bca-afa6-2725a9958330" providerId="ADAL" clId="{95DE8DB2-18F4-433B-B35C-C72863037E4B}" dt="2021-04-27T06:03:04.451" v="2142"/>
            <ac:spMkLst>
              <pc:docMk/>
              <pc:sldMasterMk cId="750743933" sldId="2147483648"/>
              <pc:sldLayoutMk cId="3314286841" sldId="2147483705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226" v="1029" actId="790"/>
            <ac:spMkLst>
              <pc:docMk/>
              <pc:sldMasterMk cId="750743933" sldId="2147483648"/>
              <pc:sldLayoutMk cId="3314286841" sldId="2147483705"/>
              <ac:spMk id="14" creationId="{0E603540-E738-4A65-864E-9CE8F767BD6D}"/>
            </ac:spMkLst>
          </pc:spChg>
          <pc:spChg chg="mod">
            <ac:chgData name="Jonas Bratseth" userId="7880613d-1198-4bca-afa6-2725a9958330" providerId="ADAL" clId="{95DE8DB2-18F4-433B-B35C-C72863037E4B}" dt="2021-04-27T06:03:04.981" v="2143"/>
            <ac:spMkLst>
              <pc:docMk/>
              <pc:sldMasterMk cId="750743933" sldId="2147483648"/>
              <pc:sldLayoutMk cId="3314286841" sldId="2147483705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226" v="1030" actId="790"/>
            <ac:spMkLst>
              <pc:docMk/>
              <pc:sldMasterMk cId="750743933" sldId="2147483648"/>
              <pc:sldLayoutMk cId="3314286841" sldId="2147483705"/>
              <ac:spMk id="17" creationId="{0B600F13-F9ED-4493-AEA6-C2211E17F328}"/>
            </ac:spMkLst>
          </pc:spChg>
          <pc:spChg chg="mod">
            <ac:chgData name="Jonas Bratseth" userId="7880613d-1198-4bca-afa6-2725a9958330" providerId="ADAL" clId="{95DE8DB2-18F4-433B-B35C-C72863037E4B}" dt="2021-04-27T05:47:54.226" v="1031" actId="790"/>
            <ac:spMkLst>
              <pc:docMk/>
              <pc:sldMasterMk cId="750743933" sldId="2147483648"/>
              <pc:sldLayoutMk cId="3314286841" sldId="2147483705"/>
              <ac:spMk id="19" creationId="{BC6E86D0-4AE7-46BC-A435-E79A60A5FA3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02.046" v="1876"/>
          <pc:sldLayoutMkLst>
            <pc:docMk/>
            <pc:sldMasterMk cId="750743933" sldId="2147483648"/>
            <pc:sldLayoutMk cId="1766422034" sldId="2147483714"/>
          </pc:sldLayoutMkLst>
          <pc:spChg chg="mod">
            <ac:chgData name="Jonas Bratseth" userId="7880613d-1198-4bca-afa6-2725a9958330" providerId="ADAL" clId="{95DE8DB2-18F4-433B-B35C-C72863037E4B}" dt="2021-04-27T05:55:02.046" v="1876"/>
            <ac:spMkLst>
              <pc:docMk/>
              <pc:sldMasterMk cId="750743933" sldId="2147483648"/>
              <pc:sldLayoutMk cId="1766422034" sldId="214748371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34" v="1033" actId="790"/>
            <ac:spMkLst>
              <pc:docMk/>
              <pc:sldMasterMk cId="750743933" sldId="2147483648"/>
              <pc:sldLayoutMk cId="1766422034" sldId="2147483714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234" v="1034" actId="790"/>
            <ac:spMkLst>
              <pc:docMk/>
              <pc:sldMasterMk cId="750743933" sldId="2147483648"/>
              <pc:sldLayoutMk cId="1766422034" sldId="2147483714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236" v="1035" actId="790"/>
            <ac:spMkLst>
              <pc:docMk/>
              <pc:sldMasterMk cId="750743933" sldId="2147483648"/>
              <pc:sldLayoutMk cId="1766422034" sldId="2147483714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238" v="1037" actId="790"/>
            <ac:spMkLst>
              <pc:docMk/>
              <pc:sldMasterMk cId="750743933" sldId="2147483648"/>
              <pc:sldLayoutMk cId="1766422034" sldId="2147483714"/>
              <ac:spMk id="14" creationId="{07F6985F-0D21-4B64-A375-95792C7EBAE9}"/>
            </ac:spMkLst>
          </pc:spChg>
          <pc:spChg chg="mod">
            <ac:chgData name="Jonas Bratseth" userId="7880613d-1198-4bca-afa6-2725a9958330" providerId="ADAL" clId="{95DE8DB2-18F4-433B-B35C-C72863037E4B}" dt="2021-04-27T05:47:54.237" v="1036" actId="790"/>
            <ac:spMkLst>
              <pc:docMk/>
              <pc:sldMasterMk cId="750743933" sldId="2147483648"/>
              <pc:sldLayoutMk cId="1766422034" sldId="2147483714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240" v="1038" actId="790"/>
            <ac:spMkLst>
              <pc:docMk/>
              <pc:sldMasterMk cId="750743933" sldId="2147483648"/>
              <pc:sldLayoutMk cId="1766422034" sldId="2147483714"/>
              <ac:spMk id="17" creationId="{81F4C872-ADC6-4CB7-A95B-67721B28B3BA}"/>
            </ac:spMkLst>
          </pc:spChg>
          <pc:spChg chg="mod">
            <ac:chgData name="Jonas Bratseth" userId="7880613d-1198-4bca-afa6-2725a9958330" providerId="ADAL" clId="{95DE8DB2-18F4-433B-B35C-C72863037E4B}" dt="2021-04-27T05:47:54.242" v="1039" actId="790"/>
            <ac:spMkLst>
              <pc:docMk/>
              <pc:sldMasterMk cId="750743933" sldId="2147483648"/>
              <pc:sldLayoutMk cId="1766422034" sldId="2147483714"/>
              <ac:spMk id="18" creationId="{6C46C9DB-FDA2-4D7F-AE1E-DCF46A0EC357}"/>
            </ac:spMkLst>
          </pc:spChg>
          <pc:spChg chg="mod">
            <ac:chgData name="Jonas Bratseth" userId="7880613d-1198-4bca-afa6-2725a9958330" providerId="ADAL" clId="{95DE8DB2-18F4-433B-B35C-C72863037E4B}" dt="2021-04-27T05:47:54.244" v="1040" actId="790"/>
            <ac:spMkLst>
              <pc:docMk/>
              <pc:sldMasterMk cId="750743933" sldId="2147483648"/>
              <pc:sldLayoutMk cId="1766422034" sldId="2147483714"/>
              <ac:spMk id="19" creationId="{90A9BB8B-DC94-4781-BC39-9CF0E2C0ED17}"/>
            </ac:spMkLst>
          </pc:spChg>
          <pc:spChg chg="mod">
            <ac:chgData name="Jonas Bratseth" userId="7880613d-1198-4bca-afa6-2725a9958330" providerId="ADAL" clId="{95DE8DB2-18F4-433B-B35C-C72863037E4B}" dt="2021-04-27T05:47:54.246" v="1041" actId="790"/>
            <ac:spMkLst>
              <pc:docMk/>
              <pc:sldMasterMk cId="750743933" sldId="2147483648"/>
              <pc:sldLayoutMk cId="1766422034" sldId="2147483714"/>
              <ac:spMk id="20" creationId="{89A977F4-3F57-4229-A296-E33CE6E0E74B}"/>
            </ac:spMkLst>
          </pc:spChg>
          <pc:spChg chg="mod">
            <ac:chgData name="Jonas Bratseth" userId="7880613d-1198-4bca-afa6-2725a9958330" providerId="ADAL" clId="{95DE8DB2-18F4-433B-B35C-C72863037E4B}" dt="2021-04-27T05:47:54.248" v="1042" actId="790"/>
            <ac:spMkLst>
              <pc:docMk/>
              <pc:sldMasterMk cId="750743933" sldId="2147483648"/>
              <pc:sldLayoutMk cId="1766422034" sldId="2147483714"/>
              <ac:spMk id="21" creationId="{0A1BAC33-EE11-4422-B2BC-1EA0C02293FB}"/>
            </ac:spMkLst>
          </pc:spChg>
          <pc:spChg chg="mod">
            <ac:chgData name="Jonas Bratseth" userId="7880613d-1198-4bca-afa6-2725a9958330" providerId="ADAL" clId="{95DE8DB2-18F4-433B-B35C-C72863037E4B}" dt="2021-04-27T05:47:54.249" v="1043" actId="790"/>
            <ac:spMkLst>
              <pc:docMk/>
              <pc:sldMasterMk cId="750743933" sldId="2147483648"/>
              <pc:sldLayoutMk cId="1766422034" sldId="2147483714"/>
              <ac:spMk id="22" creationId="{2B10A327-405D-42CA-9F67-2AF8ABA2131E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12.851" v="2147"/>
          <pc:sldLayoutMkLst>
            <pc:docMk/>
            <pc:sldMasterMk cId="750743933" sldId="2147483648"/>
            <pc:sldLayoutMk cId="2045479274" sldId="2147483715"/>
          </pc:sldLayoutMkLst>
          <pc:spChg chg="mod">
            <ac:chgData name="Jonas Bratseth" userId="7880613d-1198-4bca-afa6-2725a9958330" providerId="ADAL" clId="{95DE8DB2-18F4-433B-B35C-C72863037E4B}" dt="2021-04-27T05:55:04.835" v="1878"/>
            <ac:spMkLst>
              <pc:docMk/>
              <pc:sldMasterMk cId="750743933" sldId="2147483648"/>
              <pc:sldLayoutMk cId="2045479274" sldId="214748371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3:11.037" v="2144"/>
            <ac:spMkLst>
              <pc:docMk/>
              <pc:sldMasterMk cId="750743933" sldId="2147483648"/>
              <pc:sldLayoutMk cId="2045479274" sldId="2147483715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261" v="1052" actId="790"/>
            <ac:spMkLst>
              <pc:docMk/>
              <pc:sldMasterMk cId="750743933" sldId="2147483648"/>
              <pc:sldLayoutMk cId="2045479274" sldId="2147483715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6:03:11.711" v="2145"/>
            <ac:spMkLst>
              <pc:docMk/>
              <pc:sldMasterMk cId="750743933" sldId="2147483648"/>
              <pc:sldLayoutMk cId="2045479274" sldId="2147483715"/>
              <ac:spMk id="20" creationId="{CE0B8209-0B57-480E-BC05-65AB6422230C}"/>
            </ac:spMkLst>
          </pc:spChg>
          <pc:spChg chg="mod">
            <ac:chgData name="Jonas Bratseth" userId="7880613d-1198-4bca-afa6-2725a9958330" providerId="ADAL" clId="{95DE8DB2-18F4-433B-B35C-C72863037E4B}" dt="2021-04-27T05:47:54.263" v="1054" actId="790"/>
            <ac:spMkLst>
              <pc:docMk/>
              <pc:sldMasterMk cId="750743933" sldId="2147483648"/>
              <pc:sldLayoutMk cId="2045479274" sldId="2147483715"/>
              <ac:spMk id="21" creationId="{D82263EF-894B-494B-8677-D0C16378F258}"/>
            </ac:spMkLst>
          </pc:spChg>
          <pc:spChg chg="mod">
            <ac:chgData name="Jonas Bratseth" userId="7880613d-1198-4bca-afa6-2725a9958330" providerId="ADAL" clId="{95DE8DB2-18F4-433B-B35C-C72863037E4B}" dt="2021-04-27T05:47:54.266" v="1059" actId="790"/>
            <ac:spMkLst>
              <pc:docMk/>
              <pc:sldMasterMk cId="750743933" sldId="2147483648"/>
              <pc:sldLayoutMk cId="2045479274" sldId="2147483715"/>
              <ac:spMk id="22" creationId="{15589A20-B34D-47F9-883F-6C734E90FE4E}"/>
            </ac:spMkLst>
          </pc:spChg>
          <pc:spChg chg="mod">
            <ac:chgData name="Jonas Bratseth" userId="7880613d-1198-4bca-afa6-2725a9958330" providerId="ADAL" clId="{95DE8DB2-18F4-433B-B35C-C72863037E4B}" dt="2021-04-27T06:03:12.214" v="2146"/>
            <ac:spMkLst>
              <pc:docMk/>
              <pc:sldMasterMk cId="750743933" sldId="2147483648"/>
              <pc:sldLayoutMk cId="2045479274" sldId="2147483715"/>
              <ac:spMk id="23" creationId="{2E022E5D-734A-4E35-AC58-D0A331D35696}"/>
            </ac:spMkLst>
          </pc:spChg>
          <pc:spChg chg="mod">
            <ac:chgData name="Jonas Bratseth" userId="7880613d-1198-4bca-afa6-2725a9958330" providerId="ADAL" clId="{95DE8DB2-18F4-433B-B35C-C72863037E4B}" dt="2021-04-27T05:47:54.264" v="1056" actId="790"/>
            <ac:spMkLst>
              <pc:docMk/>
              <pc:sldMasterMk cId="750743933" sldId="2147483648"/>
              <pc:sldLayoutMk cId="2045479274" sldId="2147483715"/>
              <ac:spMk id="24" creationId="{7A1A1348-3E0D-44A2-ABE6-CB122F41E15A}"/>
            </ac:spMkLst>
          </pc:spChg>
          <pc:spChg chg="mod">
            <ac:chgData name="Jonas Bratseth" userId="7880613d-1198-4bca-afa6-2725a9958330" providerId="ADAL" clId="{95DE8DB2-18F4-433B-B35C-C72863037E4B}" dt="2021-04-27T06:03:12.851" v="2147"/>
            <ac:spMkLst>
              <pc:docMk/>
              <pc:sldMasterMk cId="750743933" sldId="2147483648"/>
              <pc:sldLayoutMk cId="2045479274" sldId="2147483715"/>
              <ac:spMk id="26" creationId="{825859A8-6BC3-464B-BAC4-75EA404385C4}"/>
            </ac:spMkLst>
          </pc:spChg>
          <pc:spChg chg="mod">
            <ac:chgData name="Jonas Bratseth" userId="7880613d-1198-4bca-afa6-2725a9958330" providerId="ADAL" clId="{95DE8DB2-18F4-433B-B35C-C72863037E4B}" dt="2021-04-27T05:47:54.265" v="1058" actId="790"/>
            <ac:spMkLst>
              <pc:docMk/>
              <pc:sldMasterMk cId="750743933" sldId="2147483648"/>
              <pc:sldLayoutMk cId="2045479274" sldId="2147483715"/>
              <ac:spMk id="27" creationId="{3BB3FD65-5F30-4FDE-B70E-D59A74BE681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16.274" v="2151"/>
          <pc:sldLayoutMkLst>
            <pc:docMk/>
            <pc:sldMasterMk cId="750743933" sldId="2147483648"/>
            <pc:sldLayoutMk cId="4199085092" sldId="2147483717"/>
          </pc:sldLayoutMkLst>
          <pc:spChg chg="mod">
            <ac:chgData name="Jonas Bratseth" userId="7880613d-1198-4bca-afa6-2725a9958330" providerId="ADAL" clId="{95DE8DB2-18F4-433B-B35C-C72863037E4B}" dt="2021-04-27T05:55:06.169" v="1879"/>
            <ac:spMkLst>
              <pc:docMk/>
              <pc:sldMasterMk cId="750743933" sldId="2147483648"/>
              <pc:sldLayoutMk cId="4199085092" sldId="214748371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57:55.608" v="1985"/>
            <ac:spMkLst>
              <pc:docMk/>
              <pc:sldMasterMk cId="750743933" sldId="2147483648"/>
              <pc:sldLayoutMk cId="4199085092" sldId="2147483717"/>
              <ac:spMk id="6" creationId="{2B1AC3E8-DC3F-4CE5-B272-5921EFCB66D6}"/>
            </ac:spMkLst>
          </pc:spChg>
          <pc:spChg chg="mod">
            <ac:chgData name="Jonas Bratseth" userId="7880613d-1198-4bca-afa6-2725a9958330" providerId="ADAL" clId="{95DE8DB2-18F4-433B-B35C-C72863037E4B}" dt="2021-04-27T05:47:54.268" v="1061" actId="790"/>
            <ac:spMkLst>
              <pc:docMk/>
              <pc:sldMasterMk cId="750743933" sldId="2147483648"/>
              <pc:sldLayoutMk cId="4199085092" sldId="2147483717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6:03:14.552" v="2148"/>
            <ac:spMkLst>
              <pc:docMk/>
              <pc:sldMasterMk cId="750743933" sldId="2147483648"/>
              <pc:sldLayoutMk cId="4199085092" sldId="2147483717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274" v="1069" actId="790"/>
            <ac:spMkLst>
              <pc:docMk/>
              <pc:sldMasterMk cId="750743933" sldId="2147483648"/>
              <pc:sldLayoutMk cId="4199085092" sldId="2147483717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95DE8DB2-18F4-433B-B35C-C72863037E4B}" dt="2021-04-27T05:47:54.269" v="1063" actId="790"/>
            <ac:spMkLst>
              <pc:docMk/>
              <pc:sldMasterMk cId="750743933" sldId="2147483648"/>
              <pc:sldLayoutMk cId="4199085092" sldId="2147483717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3:15.147" v="2149"/>
            <ac:spMkLst>
              <pc:docMk/>
              <pc:sldMasterMk cId="750743933" sldId="2147483648"/>
              <pc:sldLayoutMk cId="4199085092" sldId="2147483717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57:56.894" v="1986"/>
            <ac:spMkLst>
              <pc:docMk/>
              <pc:sldMasterMk cId="750743933" sldId="2147483648"/>
              <pc:sldLayoutMk cId="4199085092" sldId="2147483717"/>
              <ac:spMk id="39" creationId="{0F10CBC3-6807-4D3C-8B23-0028D9CF8608}"/>
            </ac:spMkLst>
          </pc:spChg>
          <pc:spChg chg="mod">
            <ac:chgData name="Jonas Bratseth" userId="7880613d-1198-4bca-afa6-2725a9958330" providerId="ADAL" clId="{95DE8DB2-18F4-433B-B35C-C72863037E4B}" dt="2021-04-27T05:47:54.271" v="1065" actId="790"/>
            <ac:spMkLst>
              <pc:docMk/>
              <pc:sldMasterMk cId="750743933" sldId="2147483648"/>
              <pc:sldLayoutMk cId="4199085092" sldId="2147483717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3:15.646" v="2150"/>
            <ac:spMkLst>
              <pc:docMk/>
              <pc:sldMasterMk cId="750743933" sldId="2147483648"/>
              <pc:sldLayoutMk cId="4199085092" sldId="2147483717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57:57.568" v="1987"/>
            <ac:spMkLst>
              <pc:docMk/>
              <pc:sldMasterMk cId="750743933" sldId="2147483648"/>
              <pc:sldLayoutMk cId="4199085092" sldId="2147483717"/>
              <ac:spMk id="48" creationId="{B501B0E5-0DFC-4286-9E8B-15E393E37480}"/>
            </ac:spMkLst>
          </pc:spChg>
          <pc:spChg chg="mod">
            <ac:chgData name="Jonas Bratseth" userId="7880613d-1198-4bca-afa6-2725a9958330" providerId="ADAL" clId="{95DE8DB2-18F4-433B-B35C-C72863037E4B}" dt="2021-04-27T05:47:54.272" v="1067" actId="790"/>
            <ac:spMkLst>
              <pc:docMk/>
              <pc:sldMasterMk cId="750743933" sldId="2147483648"/>
              <pc:sldLayoutMk cId="4199085092" sldId="2147483717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3:16.274" v="2151"/>
            <ac:spMkLst>
              <pc:docMk/>
              <pc:sldMasterMk cId="750743933" sldId="2147483648"/>
              <pc:sldLayoutMk cId="4199085092" sldId="2147483717"/>
              <ac:spMk id="51" creationId="{9B87CD94-7A09-4FBF-8581-99B20B7C8576}"/>
            </ac:spMkLst>
          </pc:spChg>
          <pc:spChg chg="mod">
            <ac:chgData name="Jonas Bratseth" userId="7880613d-1198-4bca-afa6-2725a9958330" providerId="ADAL" clId="{95DE8DB2-18F4-433B-B35C-C72863037E4B}" dt="2021-04-27T05:57:58.147" v="1988"/>
            <ac:spMkLst>
              <pc:docMk/>
              <pc:sldMasterMk cId="750743933" sldId="2147483648"/>
              <pc:sldLayoutMk cId="4199085092" sldId="2147483717"/>
              <ac:spMk id="52" creationId="{2B934ECD-A752-45ED-BD72-370981CDAA9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3:42.975" v="1830"/>
          <pc:sldLayoutMkLst>
            <pc:docMk/>
            <pc:sldMasterMk cId="750743933" sldId="2147483648"/>
            <pc:sldLayoutMk cId="1376239089" sldId="2147483748"/>
          </pc:sldLayoutMkLst>
          <pc:spChg chg="mod">
            <ac:chgData name="Jonas Bratseth" userId="7880613d-1198-4bca-afa6-2725a9958330" providerId="ADAL" clId="{95DE8DB2-18F4-433B-B35C-C72863037E4B}" dt="2021-04-27T05:47:54.157" v="977" actId="790"/>
            <ac:spMkLst>
              <pc:docMk/>
              <pc:sldMasterMk cId="750743933" sldId="2147483648"/>
              <pc:sldLayoutMk cId="1376239089" sldId="2147483748"/>
              <ac:spMk id="3" creationId="{E2091FE9-5642-447B-A657-51E61C78B318}"/>
            </ac:spMkLst>
          </pc:spChg>
          <pc:spChg chg="mod">
            <ac:chgData name="Jonas Bratseth" userId="7880613d-1198-4bca-afa6-2725a9958330" providerId="ADAL" clId="{95DE8DB2-18F4-433B-B35C-C72863037E4B}" dt="2021-04-27T05:53:41.601" v="1829"/>
            <ac:spMkLst>
              <pc:docMk/>
              <pc:sldMasterMk cId="750743933" sldId="2147483648"/>
              <pc:sldLayoutMk cId="1376239089" sldId="2147483748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5:47:54.162" v="980" actId="790"/>
            <ac:spMkLst>
              <pc:docMk/>
              <pc:sldMasterMk cId="750743933" sldId="2147483648"/>
              <pc:sldLayoutMk cId="1376239089" sldId="2147483748"/>
              <ac:spMk id="11" creationId="{A4B5E9D0-5AD0-4620-898F-B8CBAD3BCBA3}"/>
            </ac:spMkLst>
          </pc:spChg>
          <pc:spChg chg="mod">
            <ac:chgData name="Jonas Bratseth" userId="7880613d-1198-4bca-afa6-2725a9958330" providerId="ADAL" clId="{95DE8DB2-18F4-433B-B35C-C72863037E4B}" dt="2021-04-27T05:47:54.158" v="978" actId="790"/>
            <ac:spMkLst>
              <pc:docMk/>
              <pc:sldMasterMk cId="750743933" sldId="2147483648"/>
              <pc:sldLayoutMk cId="1376239089" sldId="2147483748"/>
              <ac:spMk id="12" creationId="{C4136857-8A04-412B-B6B5-632FD407B032}"/>
            </ac:spMkLst>
          </pc:spChg>
          <pc:spChg chg="mod">
            <ac:chgData name="Jonas Bratseth" userId="7880613d-1198-4bca-afa6-2725a9958330" providerId="ADAL" clId="{95DE8DB2-18F4-433B-B35C-C72863037E4B}" dt="2021-04-27T05:52:29.764" v="1817" actId="20577"/>
            <ac:spMkLst>
              <pc:docMk/>
              <pc:sldMasterMk cId="750743933" sldId="2147483648"/>
              <pc:sldLayoutMk cId="1376239089" sldId="2147483748"/>
              <ac:spMk id="13" creationId="{8EDF94FC-487E-4582-A68F-1CE82F069903}"/>
            </ac:spMkLst>
          </pc:spChg>
          <pc:spChg chg="mod">
            <ac:chgData name="Jonas Bratseth" userId="7880613d-1198-4bca-afa6-2725a9958330" providerId="ADAL" clId="{95DE8DB2-18F4-433B-B35C-C72863037E4B}" dt="2021-04-27T05:53:42.975" v="1830"/>
            <ac:spMkLst>
              <pc:docMk/>
              <pc:sldMasterMk cId="750743933" sldId="2147483648"/>
              <pc:sldLayoutMk cId="1376239089" sldId="2147483748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19.388" v="2155"/>
          <pc:sldLayoutMkLst>
            <pc:docMk/>
            <pc:sldMasterMk cId="750743933" sldId="2147483648"/>
            <pc:sldLayoutMk cId="2171981857" sldId="2147483749"/>
          </pc:sldLayoutMkLst>
          <pc:spChg chg="mod">
            <ac:chgData name="Jonas Bratseth" userId="7880613d-1198-4bca-afa6-2725a9958330" providerId="ADAL" clId="{95DE8DB2-18F4-433B-B35C-C72863037E4B}" dt="2021-04-27T05:55:07.447" v="1880"/>
            <ac:spMkLst>
              <pc:docMk/>
              <pc:sldMasterMk cId="750743933" sldId="2147483648"/>
              <pc:sldLayoutMk cId="2171981857" sldId="214748374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76" v="1071" actId="790"/>
            <ac:spMkLst>
              <pc:docMk/>
              <pc:sldMasterMk cId="750743933" sldId="2147483648"/>
              <pc:sldLayoutMk cId="2171981857" sldId="2147483749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6:03:17.648" v="2152"/>
            <ac:spMkLst>
              <pc:docMk/>
              <pc:sldMasterMk cId="750743933" sldId="2147483648"/>
              <pc:sldLayoutMk cId="2171981857" sldId="2147483749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276" v="1079" actId="790"/>
            <ac:spMkLst>
              <pc:docMk/>
              <pc:sldMasterMk cId="750743933" sldId="2147483648"/>
              <pc:sldLayoutMk cId="2171981857" sldId="2147483749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95DE8DB2-18F4-433B-B35C-C72863037E4B}" dt="2021-04-27T05:47:54.276" v="1073" actId="790"/>
            <ac:spMkLst>
              <pc:docMk/>
              <pc:sldMasterMk cId="750743933" sldId="2147483648"/>
              <pc:sldLayoutMk cId="2171981857" sldId="2147483749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3:18.234" v="2153"/>
            <ac:spMkLst>
              <pc:docMk/>
              <pc:sldMasterMk cId="750743933" sldId="2147483648"/>
              <pc:sldLayoutMk cId="2171981857" sldId="2147483749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276" v="1075" actId="790"/>
            <ac:spMkLst>
              <pc:docMk/>
              <pc:sldMasterMk cId="750743933" sldId="2147483648"/>
              <pc:sldLayoutMk cId="2171981857" sldId="2147483749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3:18.819" v="2154"/>
            <ac:spMkLst>
              <pc:docMk/>
              <pc:sldMasterMk cId="750743933" sldId="2147483648"/>
              <pc:sldLayoutMk cId="2171981857" sldId="2147483749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276" v="1077" actId="790"/>
            <ac:spMkLst>
              <pc:docMk/>
              <pc:sldMasterMk cId="750743933" sldId="2147483648"/>
              <pc:sldLayoutMk cId="2171981857" sldId="2147483749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3:19.388" v="2155"/>
            <ac:spMkLst>
              <pc:docMk/>
              <pc:sldMasterMk cId="750743933" sldId="2147483648"/>
              <pc:sldLayoutMk cId="2171981857" sldId="2147483749"/>
              <ac:spMk id="51" creationId="{9B87CD94-7A09-4FBF-8581-99B20B7C8576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6:50.803" v="2268"/>
        <pc:sldMasterMkLst>
          <pc:docMk/>
          <pc:sldMasterMk cId="4013363400" sldId="2147483662"/>
        </pc:sldMasterMkLst>
        <pc:spChg chg="mod">
          <ac:chgData name="Jonas Bratseth" userId="7880613d-1198-4bca-afa6-2725a9958330" providerId="ADAL" clId="{95DE8DB2-18F4-433B-B35C-C72863037E4B}" dt="2021-04-27T05:55:53.104" v="1908"/>
          <ac:spMkLst>
            <pc:docMk/>
            <pc:sldMasterMk cId="4013363400" sldId="2147483662"/>
            <ac:spMk id="2" creationId="{EC00E0C1-94DD-4E87-91A3-A53B9DA66CC3}"/>
          </ac:spMkLst>
        </pc:spChg>
        <pc:spChg chg="mod">
          <ac:chgData name="Jonas Bratseth" userId="7880613d-1198-4bca-afa6-2725a9958330" providerId="ADAL" clId="{95DE8DB2-18F4-433B-B35C-C72863037E4B}" dt="2021-04-27T06:06:50.803" v="2268"/>
          <ac:spMkLst>
            <pc:docMk/>
            <pc:sldMasterMk cId="4013363400" sldId="2147483662"/>
            <ac:spMk id="8" creationId="{0A070B88-1D4D-44C9-AC83-BD74551FEA5B}"/>
          </ac:spMkLst>
        </pc:spChg>
        <pc:sldLayoutChg chg="modSp mod">
          <pc:chgData name="Jonas Bratseth" userId="7880613d-1198-4bca-afa6-2725a9958330" providerId="ADAL" clId="{95DE8DB2-18F4-433B-B35C-C72863037E4B}" dt="2021-04-27T06:01:45.213" v="2123"/>
          <pc:sldLayoutMkLst>
            <pc:docMk/>
            <pc:sldMasterMk cId="4013363400" sldId="2147483662"/>
            <pc:sldLayoutMk cId="1404883753" sldId="2147483663"/>
          </pc:sldLayoutMkLst>
          <pc:spChg chg="mod">
            <ac:chgData name="Jonas Bratseth" userId="7880613d-1198-4bca-afa6-2725a9958330" providerId="ADAL" clId="{95DE8DB2-18F4-433B-B35C-C72863037E4B}" dt="2021-04-27T05:47:54.516" v="1322" actId="790"/>
            <ac:spMkLst>
              <pc:docMk/>
              <pc:sldMasterMk cId="4013363400" sldId="2147483662"/>
              <pc:sldLayoutMk cId="1404883753" sldId="2147483663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514" v="1321" actId="790"/>
            <ac:spMkLst>
              <pc:docMk/>
              <pc:sldMasterMk cId="4013363400" sldId="2147483662"/>
              <pc:sldLayoutMk cId="1404883753" sldId="2147483663"/>
              <ac:spMk id="6" creationId="{3A0BAEDA-2B5E-4C83-9161-0B871B632CD8}"/>
            </ac:spMkLst>
          </pc:spChg>
          <pc:spChg chg="mod">
            <ac:chgData name="Jonas Bratseth" userId="7880613d-1198-4bca-afa6-2725a9958330" providerId="ADAL" clId="{95DE8DB2-18F4-433B-B35C-C72863037E4B}" dt="2021-04-27T05:47:54.514" v="1320" actId="790"/>
            <ac:spMkLst>
              <pc:docMk/>
              <pc:sldMasterMk cId="4013363400" sldId="2147483662"/>
              <pc:sldLayoutMk cId="1404883753" sldId="2147483663"/>
              <ac:spMk id="7" creationId="{1EDC10EC-BA55-4582-BC51-54300AEE4C9D}"/>
            </ac:spMkLst>
          </pc:spChg>
          <pc:spChg chg="mod">
            <ac:chgData name="Jonas Bratseth" userId="7880613d-1198-4bca-afa6-2725a9958330" providerId="ADAL" clId="{95DE8DB2-18F4-433B-B35C-C72863037E4B}" dt="2021-04-27T05:59:16.398" v="2040"/>
            <ac:spMkLst>
              <pc:docMk/>
              <pc:sldMasterMk cId="4013363400" sldId="2147483662"/>
              <pc:sldLayoutMk cId="1404883753" sldId="2147483663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6:01:45.213" v="2123"/>
            <ac:spMkLst>
              <pc:docMk/>
              <pc:sldMasterMk cId="4013363400" sldId="2147483662"/>
              <pc:sldLayoutMk cId="1404883753" sldId="2147483663"/>
              <ac:spMk id="16" creationId="{6A8768F7-4F61-452F-97F4-CD044C0D0A81}"/>
            </ac:spMkLst>
          </pc:spChg>
          <pc:spChg chg="mod">
            <ac:chgData name="Jonas Bratseth" userId="7880613d-1198-4bca-afa6-2725a9958330" providerId="ADAL" clId="{95DE8DB2-18F4-433B-B35C-C72863037E4B}" dt="2021-04-27T05:47:54.516" v="1324" actId="790"/>
            <ac:spMkLst>
              <pc:docMk/>
              <pc:sldMasterMk cId="4013363400" sldId="2147483662"/>
              <pc:sldLayoutMk cId="1404883753" sldId="2147483663"/>
              <ac:spMk id="17" creationId="{EE680BC7-0AE6-49D6-858B-724F45AAF5CC}"/>
            </ac:spMkLst>
          </pc:spChg>
          <pc:spChg chg="mod">
            <ac:chgData name="Jonas Bratseth" userId="7880613d-1198-4bca-afa6-2725a9958330" providerId="ADAL" clId="{95DE8DB2-18F4-433B-B35C-C72863037E4B}" dt="2021-04-27T05:59:15.529" v="2039"/>
            <ac:spMkLst>
              <pc:docMk/>
              <pc:sldMasterMk cId="4013363400" sldId="2147483662"/>
              <pc:sldLayoutMk cId="1404883753" sldId="2147483663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48.207" v="2125"/>
          <pc:sldLayoutMkLst>
            <pc:docMk/>
            <pc:sldMasterMk cId="4013363400" sldId="2147483662"/>
            <pc:sldLayoutMk cId="1287977263" sldId="2147483664"/>
          </pc:sldLayoutMkLst>
          <pc:spChg chg="mod">
            <ac:chgData name="Jonas Bratseth" userId="7880613d-1198-4bca-afa6-2725a9958330" providerId="ADAL" clId="{95DE8DB2-18F4-433B-B35C-C72863037E4B}" dt="2021-04-27T05:59:23.204" v="2043"/>
            <ac:spMkLst>
              <pc:docMk/>
              <pc:sldMasterMk cId="4013363400" sldId="2147483662"/>
              <pc:sldLayoutMk cId="1287977263" sldId="2147483664"/>
              <ac:spMk id="8" creationId="{3A9B36A6-D5A0-40FE-A730-776C70C5C38A}"/>
            </ac:spMkLst>
          </pc:spChg>
          <pc:spChg chg="mod">
            <ac:chgData name="Jonas Bratseth" userId="7880613d-1198-4bca-afa6-2725a9958330" providerId="ADAL" clId="{95DE8DB2-18F4-433B-B35C-C72863037E4B}" dt="2021-04-27T05:47:54.524" v="1333" actId="790"/>
            <ac:spMkLst>
              <pc:docMk/>
              <pc:sldMasterMk cId="4013363400" sldId="2147483662"/>
              <pc:sldLayoutMk cId="1287977263" sldId="2147483664"/>
              <ac:spMk id="9" creationId="{ED734173-A9DF-4717-B0CC-3C74C1FDD3F0}"/>
            </ac:spMkLst>
          </pc:spChg>
          <pc:spChg chg="mod">
            <ac:chgData name="Jonas Bratseth" userId="7880613d-1198-4bca-afa6-2725a9958330" providerId="ADAL" clId="{95DE8DB2-18F4-433B-B35C-C72863037E4B}" dt="2021-04-27T06:01:48.207" v="2125"/>
            <ac:spMkLst>
              <pc:docMk/>
              <pc:sldMasterMk cId="4013363400" sldId="2147483662"/>
              <pc:sldLayoutMk cId="1287977263" sldId="2147483664"/>
              <ac:spMk id="10" creationId="{B800CB92-A772-4828-9BC6-19018BF2A013}"/>
            </ac:spMkLst>
          </pc:spChg>
          <pc:spChg chg="mod">
            <ac:chgData name="Jonas Bratseth" userId="7880613d-1198-4bca-afa6-2725a9958330" providerId="ADAL" clId="{95DE8DB2-18F4-433B-B35C-C72863037E4B}" dt="2021-04-27T05:47:54.526" v="1335" actId="790"/>
            <ac:spMkLst>
              <pc:docMk/>
              <pc:sldMasterMk cId="4013363400" sldId="2147483662"/>
              <pc:sldLayoutMk cId="1287977263" sldId="2147483664"/>
              <ac:spMk id="11" creationId="{A99B8A2E-FE6B-40DC-8F5F-468642CA5E03}"/>
            </ac:spMkLst>
          </pc:spChg>
          <pc:spChg chg="mod">
            <ac:chgData name="Jonas Bratseth" userId="7880613d-1198-4bca-afa6-2725a9958330" providerId="ADAL" clId="{95DE8DB2-18F4-433B-B35C-C72863037E4B}" dt="2021-04-27T05:47:54.516" v="1331" actId="790"/>
            <ac:spMkLst>
              <pc:docMk/>
              <pc:sldMasterMk cId="4013363400" sldId="2147483662"/>
              <pc:sldLayoutMk cId="1287977263" sldId="2147483664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516" v="1332" actId="790"/>
            <ac:spMkLst>
              <pc:docMk/>
              <pc:sldMasterMk cId="4013363400" sldId="2147483662"/>
              <pc:sldLayoutMk cId="1287977263" sldId="2147483664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9:32.264" v="2057"/>
          <pc:sldLayoutMkLst>
            <pc:docMk/>
            <pc:sldMasterMk cId="4013363400" sldId="2147483662"/>
            <pc:sldLayoutMk cId="2141365888" sldId="2147483665"/>
          </pc:sldLayoutMkLst>
          <pc:spChg chg="mod">
            <ac:chgData name="Jonas Bratseth" userId="7880613d-1198-4bca-afa6-2725a9958330" providerId="ADAL" clId="{95DE8DB2-18F4-433B-B35C-C72863037E4B}" dt="2021-04-27T05:55:58.290" v="1910"/>
            <ac:spMkLst>
              <pc:docMk/>
              <pc:sldMasterMk cId="4013363400" sldId="2147483662"/>
              <pc:sldLayoutMk cId="2141365888" sldId="214748366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36" v="1348" actId="790"/>
            <ac:spMkLst>
              <pc:docMk/>
              <pc:sldMasterMk cId="4013363400" sldId="2147483662"/>
              <pc:sldLayoutMk cId="2141365888" sldId="2147483665"/>
              <ac:spMk id="3" creationId="{0D93E16A-6125-4B01-9B97-3CA53DFF61AB}"/>
            </ac:spMkLst>
          </pc:spChg>
          <pc:spChg chg="mod">
            <ac:chgData name="Jonas Bratseth" userId="7880613d-1198-4bca-afa6-2725a9958330" providerId="ADAL" clId="{95DE8DB2-18F4-433B-B35C-C72863037E4B}" dt="2021-04-27T05:47:54.534" v="1346" actId="790"/>
            <ac:spMkLst>
              <pc:docMk/>
              <pc:sldMasterMk cId="4013363400" sldId="2147483662"/>
              <pc:sldLayoutMk cId="2141365888" sldId="2147483665"/>
              <ac:spMk id="8" creationId="{C33E9E45-6CEA-4092-8861-897D476EFECA}"/>
            </ac:spMkLst>
          </pc:spChg>
          <pc:spChg chg="mod">
            <ac:chgData name="Jonas Bratseth" userId="7880613d-1198-4bca-afa6-2725a9958330" providerId="ADAL" clId="{95DE8DB2-18F4-433B-B35C-C72863037E4B}" dt="2021-04-27T05:59:32.264" v="2057"/>
            <ac:spMkLst>
              <pc:docMk/>
              <pc:sldMasterMk cId="4013363400" sldId="2147483662"/>
              <pc:sldLayoutMk cId="2141365888" sldId="2147483665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536" v="1349" actId="790"/>
            <ac:spMkLst>
              <pc:docMk/>
              <pc:sldMasterMk cId="4013363400" sldId="2147483662"/>
              <pc:sldLayoutMk cId="2141365888" sldId="2147483665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536" v="1350" actId="790"/>
            <ac:spMkLst>
              <pc:docMk/>
              <pc:sldMasterMk cId="4013363400" sldId="2147483662"/>
              <pc:sldLayoutMk cId="2141365888" sldId="2147483665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46.434" v="2124"/>
          <pc:sldLayoutMkLst>
            <pc:docMk/>
            <pc:sldMasterMk cId="4013363400" sldId="2147483662"/>
            <pc:sldLayoutMk cId="3319619699" sldId="2147483667"/>
          </pc:sldLayoutMkLst>
          <pc:spChg chg="mod">
            <ac:chgData name="Jonas Bratseth" userId="7880613d-1198-4bca-afa6-2725a9958330" providerId="ADAL" clId="{95DE8DB2-18F4-433B-B35C-C72863037E4B}" dt="2021-04-27T05:47:54.516" v="1325" actId="790"/>
            <ac:spMkLst>
              <pc:docMk/>
              <pc:sldMasterMk cId="4013363400" sldId="2147483662"/>
              <pc:sldLayoutMk cId="3319619699" sldId="2147483667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6:01:46.434" v="2124"/>
            <ac:spMkLst>
              <pc:docMk/>
              <pc:sldMasterMk cId="4013363400" sldId="2147483662"/>
              <pc:sldLayoutMk cId="3319619699" sldId="2147483667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516" v="1327" actId="790"/>
            <ac:spMkLst>
              <pc:docMk/>
              <pc:sldMasterMk cId="4013363400" sldId="2147483662"/>
              <pc:sldLayoutMk cId="3319619699" sldId="2147483667"/>
              <ac:spMk id="10" creationId="{21E2F243-8C06-4A1D-98D1-265080BF12EF}"/>
            </ac:spMkLst>
          </pc:spChg>
          <pc:spChg chg="mod">
            <ac:chgData name="Jonas Bratseth" userId="7880613d-1198-4bca-afa6-2725a9958330" providerId="ADAL" clId="{95DE8DB2-18F4-433B-B35C-C72863037E4B}" dt="2021-04-27T05:47:54.516" v="1328" actId="790"/>
            <ac:spMkLst>
              <pc:docMk/>
              <pc:sldMasterMk cId="4013363400" sldId="2147483662"/>
              <pc:sldLayoutMk cId="3319619699" sldId="2147483667"/>
              <ac:spMk id="13" creationId="{C2C17AF9-57CB-4DE8-8036-B61815EF180D}"/>
            </ac:spMkLst>
          </pc:spChg>
          <pc:spChg chg="mod">
            <ac:chgData name="Jonas Bratseth" userId="7880613d-1198-4bca-afa6-2725a9958330" providerId="ADAL" clId="{95DE8DB2-18F4-433B-B35C-C72863037E4B}" dt="2021-04-27T05:47:54.516" v="1329" actId="790"/>
            <ac:spMkLst>
              <pc:docMk/>
              <pc:sldMasterMk cId="4013363400" sldId="2147483662"/>
              <pc:sldLayoutMk cId="3319619699" sldId="2147483667"/>
              <ac:spMk id="14" creationId="{48480890-1B9B-4A9A-99C9-E0993415F7B5}"/>
            </ac:spMkLst>
          </pc:spChg>
          <pc:spChg chg="mod">
            <ac:chgData name="Jonas Bratseth" userId="7880613d-1198-4bca-afa6-2725a9958330" providerId="ADAL" clId="{95DE8DB2-18F4-433B-B35C-C72863037E4B}" dt="2021-04-27T05:59:21.095" v="2042"/>
            <ac:spMkLst>
              <pc:docMk/>
              <pc:sldMasterMk cId="4013363400" sldId="2147483662"/>
              <pc:sldLayoutMk cId="3319619699" sldId="2147483667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5:59:18.037" v="2041"/>
            <ac:spMkLst>
              <pc:docMk/>
              <pc:sldMasterMk cId="4013363400" sldId="2147483662"/>
              <pc:sldLayoutMk cId="3319619699" sldId="2147483667"/>
              <ac:spMk id="30" creationId="{4CC0A7DB-27EF-4BE8-93B0-2E99409AE43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627" v="1449" actId="790"/>
          <pc:sldLayoutMkLst>
            <pc:docMk/>
            <pc:sldMasterMk cId="4013363400" sldId="2147483662"/>
            <pc:sldLayoutMk cId="723075594" sldId="2147483669"/>
          </pc:sldLayoutMkLst>
          <pc:spChg chg="mod">
            <ac:chgData name="Jonas Bratseth" userId="7880613d-1198-4bca-afa6-2725a9958330" providerId="ADAL" clId="{95DE8DB2-18F4-433B-B35C-C72863037E4B}" dt="2021-04-27T05:47:54.627" v="1449" actId="790"/>
            <ac:spMkLst>
              <pc:docMk/>
              <pc:sldMasterMk cId="4013363400" sldId="2147483662"/>
              <pc:sldLayoutMk cId="723075594" sldId="2147483669"/>
              <ac:spMk id="5" creationId="{04904180-C847-4FC0-9759-1956EECC4080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57.051" v="1909"/>
          <pc:sldLayoutMkLst>
            <pc:docMk/>
            <pc:sldMasterMk cId="4013363400" sldId="2147483662"/>
            <pc:sldLayoutMk cId="985400397" sldId="2147483671"/>
          </pc:sldLayoutMkLst>
          <pc:spChg chg="mod">
            <ac:chgData name="Jonas Bratseth" userId="7880613d-1198-4bca-afa6-2725a9958330" providerId="ADAL" clId="{95DE8DB2-18F4-433B-B35C-C72863037E4B}" dt="2021-04-27T05:55:57.051" v="1909"/>
            <ac:spMkLst>
              <pc:docMk/>
              <pc:sldMasterMk cId="4013363400" sldId="2147483662"/>
              <pc:sldLayoutMk cId="985400397" sldId="214748367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34" v="1345" actId="790"/>
            <ac:spMkLst>
              <pc:docMk/>
              <pc:sldMasterMk cId="4013363400" sldId="2147483662"/>
              <pc:sldLayoutMk cId="985400397" sldId="2147483671"/>
              <ac:spMk id="4" creationId="{0BE00044-7D51-4DCD-96F4-EEEBB6479F74}"/>
            </ac:spMkLst>
          </pc:spChg>
          <pc:spChg chg="mod">
            <ac:chgData name="Jonas Bratseth" userId="7880613d-1198-4bca-afa6-2725a9958330" providerId="ADAL" clId="{95DE8DB2-18F4-433B-B35C-C72863037E4B}" dt="2021-04-27T05:47:54.526" v="1341" actId="790"/>
            <ac:spMkLst>
              <pc:docMk/>
              <pc:sldMasterMk cId="4013363400" sldId="2147483662"/>
              <pc:sldLayoutMk cId="985400397" sldId="2147483671"/>
              <ac:spMk id="7" creationId="{7E53C3F6-D88E-487C-B6DF-BA84D3CDBE6E}"/>
            </ac:spMkLst>
          </pc:spChg>
          <pc:spChg chg="mod">
            <ac:chgData name="Jonas Bratseth" userId="7880613d-1198-4bca-afa6-2725a9958330" providerId="ADAL" clId="{95DE8DB2-18F4-433B-B35C-C72863037E4B}" dt="2021-04-27T05:47:54.526" v="1343" actId="790"/>
            <ac:spMkLst>
              <pc:docMk/>
              <pc:sldMasterMk cId="4013363400" sldId="2147483662"/>
              <pc:sldLayoutMk cId="985400397" sldId="2147483671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526" v="1344" actId="790"/>
            <ac:spMkLst>
              <pc:docMk/>
              <pc:sldMasterMk cId="4013363400" sldId="2147483662"/>
              <pc:sldLayoutMk cId="985400397" sldId="2147483671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49.411" v="2126"/>
          <pc:sldLayoutMkLst>
            <pc:docMk/>
            <pc:sldMasterMk cId="4013363400" sldId="2147483662"/>
            <pc:sldLayoutMk cId="3345920740" sldId="2147483689"/>
          </pc:sldLayoutMkLst>
          <pc:spChg chg="mod">
            <ac:chgData name="Jonas Bratseth" userId="7880613d-1198-4bca-afa6-2725a9958330" providerId="ADAL" clId="{95DE8DB2-18F4-433B-B35C-C72863037E4B}" dt="2021-04-27T05:59:29.313" v="2056" actId="20577"/>
            <ac:spMkLst>
              <pc:docMk/>
              <pc:sldMasterMk cId="4013363400" sldId="2147483662"/>
              <pc:sldLayoutMk cId="3345920740" sldId="2147483689"/>
              <ac:spMk id="5" creationId="{D2D6A4DA-EB35-4A5F-AB92-FFD4A8A47038}"/>
            </ac:spMkLst>
          </pc:spChg>
          <pc:spChg chg="mod">
            <ac:chgData name="Jonas Bratseth" userId="7880613d-1198-4bca-afa6-2725a9958330" providerId="ADAL" clId="{95DE8DB2-18F4-433B-B35C-C72863037E4B}" dt="2021-04-27T05:47:54.526" v="1338" actId="790"/>
            <ac:spMkLst>
              <pc:docMk/>
              <pc:sldMasterMk cId="4013363400" sldId="2147483662"/>
              <pc:sldLayoutMk cId="3345920740" sldId="2147483689"/>
              <ac:spMk id="8" creationId="{E59E71D6-A296-45FF-BE39-C58F62C9ADDD}"/>
            </ac:spMkLst>
          </pc:spChg>
          <pc:spChg chg="mod">
            <ac:chgData name="Jonas Bratseth" userId="7880613d-1198-4bca-afa6-2725a9958330" providerId="ADAL" clId="{95DE8DB2-18F4-433B-B35C-C72863037E4B}" dt="2021-04-27T06:01:49.411" v="2126"/>
            <ac:spMkLst>
              <pc:docMk/>
              <pc:sldMasterMk cId="4013363400" sldId="2147483662"/>
              <pc:sldLayoutMk cId="3345920740" sldId="2147483689"/>
              <ac:spMk id="9" creationId="{FBCC5FB7-980F-4EEB-91C3-6E9E337ECE0B}"/>
            </ac:spMkLst>
          </pc:spChg>
          <pc:spChg chg="mod">
            <ac:chgData name="Jonas Bratseth" userId="7880613d-1198-4bca-afa6-2725a9958330" providerId="ADAL" clId="{95DE8DB2-18F4-433B-B35C-C72863037E4B}" dt="2021-04-27T05:47:54.526" v="1340" actId="790"/>
            <ac:spMkLst>
              <pc:docMk/>
              <pc:sldMasterMk cId="4013363400" sldId="2147483662"/>
              <pc:sldLayoutMk cId="3345920740" sldId="2147483689"/>
              <ac:spMk id="10" creationId="{1D69B032-6E02-47D0-BA7F-1D887A285A3D}"/>
            </ac:spMkLst>
          </pc:spChg>
          <pc:spChg chg="mod">
            <ac:chgData name="Jonas Bratseth" userId="7880613d-1198-4bca-afa6-2725a9958330" providerId="ADAL" clId="{95DE8DB2-18F4-433B-B35C-C72863037E4B}" dt="2021-04-27T05:47:54.526" v="1336" actId="790"/>
            <ac:spMkLst>
              <pc:docMk/>
              <pc:sldMasterMk cId="4013363400" sldId="2147483662"/>
              <pc:sldLayoutMk cId="3345920740" sldId="2147483689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526" v="1337" actId="790"/>
            <ac:spMkLst>
              <pc:docMk/>
              <pc:sldMasterMk cId="4013363400" sldId="2147483662"/>
              <pc:sldLayoutMk cId="3345920740" sldId="2147483689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27.956" v="2202"/>
          <pc:sldLayoutMkLst>
            <pc:docMk/>
            <pc:sldMasterMk cId="4013363400" sldId="2147483662"/>
            <pc:sldLayoutMk cId="486590668" sldId="2147483693"/>
          </pc:sldLayoutMkLst>
          <pc:spChg chg="mod">
            <ac:chgData name="Jonas Bratseth" userId="7880613d-1198-4bca-afa6-2725a9958330" providerId="ADAL" clId="{95DE8DB2-18F4-433B-B35C-C72863037E4B}" dt="2021-04-27T05:56:03.603" v="1913"/>
            <ac:spMkLst>
              <pc:docMk/>
              <pc:sldMasterMk cId="4013363400" sldId="2147483662"/>
              <pc:sldLayoutMk cId="486590668" sldId="214748369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56" v="1369" actId="790"/>
            <ac:spMkLst>
              <pc:docMk/>
              <pc:sldMasterMk cId="4013363400" sldId="2147483662"/>
              <pc:sldLayoutMk cId="486590668" sldId="2147483693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556" v="1367" actId="790"/>
            <ac:spMkLst>
              <pc:docMk/>
              <pc:sldMasterMk cId="4013363400" sldId="2147483662"/>
              <pc:sldLayoutMk cId="486590668" sldId="2147483693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556" v="1368" actId="790"/>
            <ac:spMkLst>
              <pc:docMk/>
              <pc:sldMasterMk cId="4013363400" sldId="2147483662"/>
              <pc:sldLayoutMk cId="486590668" sldId="2147483693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5:47:54.554" v="1365" actId="790"/>
            <ac:spMkLst>
              <pc:docMk/>
              <pc:sldMasterMk cId="4013363400" sldId="2147483662"/>
              <pc:sldLayoutMk cId="486590668" sldId="2147483693"/>
              <ac:spMk id="13" creationId="{E91243C8-094D-4661-BCD1-18F08E1D0EB4}"/>
            </ac:spMkLst>
          </pc:spChg>
          <pc:spChg chg="mod">
            <ac:chgData name="Jonas Bratseth" userId="7880613d-1198-4bca-afa6-2725a9958330" providerId="ADAL" clId="{95DE8DB2-18F4-433B-B35C-C72863037E4B}" dt="2021-04-27T05:47:54.556" v="1370" actId="790"/>
            <ac:spMkLst>
              <pc:docMk/>
              <pc:sldMasterMk cId="4013363400" sldId="2147483662"/>
              <pc:sldLayoutMk cId="486590668" sldId="2147483693"/>
              <ac:spMk id="14" creationId="{6FB1CFDE-A2D9-4ED8-8F76-8AA59BBB3C13}"/>
            </ac:spMkLst>
          </pc:spChg>
          <pc:spChg chg="mod">
            <ac:chgData name="Jonas Bratseth" userId="7880613d-1198-4bca-afa6-2725a9958330" providerId="ADAL" clId="{95DE8DB2-18F4-433B-B35C-C72863037E4B}" dt="2021-04-27T05:47:54.556" v="1371" actId="790"/>
            <ac:spMkLst>
              <pc:docMk/>
              <pc:sldMasterMk cId="4013363400" sldId="2147483662"/>
              <pc:sldLayoutMk cId="486590668" sldId="2147483693"/>
              <ac:spMk id="15" creationId="{4BE5BC05-43BB-4A68-BCE7-66AB4600E80B}"/>
            </ac:spMkLst>
          </pc:spChg>
          <pc:spChg chg="mod">
            <ac:chgData name="Jonas Bratseth" userId="7880613d-1198-4bca-afa6-2725a9958330" providerId="ADAL" clId="{95DE8DB2-18F4-433B-B35C-C72863037E4B}" dt="2021-04-27T06:04:26.993" v="2200"/>
            <ac:spMkLst>
              <pc:docMk/>
              <pc:sldMasterMk cId="4013363400" sldId="2147483662"/>
              <pc:sldLayoutMk cId="486590668" sldId="2147483693"/>
              <ac:spMk id="16" creationId="{960DF13D-F139-4941-BBE3-B8CEC4D8A189}"/>
            </ac:spMkLst>
          </pc:spChg>
          <pc:spChg chg="mod">
            <ac:chgData name="Jonas Bratseth" userId="7880613d-1198-4bca-afa6-2725a9958330" providerId="ADAL" clId="{95DE8DB2-18F4-433B-B35C-C72863037E4B}" dt="2021-04-27T06:04:27.508" v="2201"/>
            <ac:spMkLst>
              <pc:docMk/>
              <pc:sldMasterMk cId="4013363400" sldId="2147483662"/>
              <pc:sldLayoutMk cId="486590668" sldId="2147483693"/>
              <ac:spMk id="17" creationId="{D4B456DA-80EA-425C-A234-5FD5B1D3578D}"/>
            </ac:spMkLst>
          </pc:spChg>
          <pc:spChg chg="mod">
            <ac:chgData name="Jonas Bratseth" userId="7880613d-1198-4bca-afa6-2725a9958330" providerId="ADAL" clId="{95DE8DB2-18F4-433B-B35C-C72863037E4B}" dt="2021-04-27T06:04:27.956" v="2202"/>
            <ac:spMkLst>
              <pc:docMk/>
              <pc:sldMasterMk cId="4013363400" sldId="2147483662"/>
              <pc:sldLayoutMk cId="486590668" sldId="2147483693"/>
              <ac:spMk id="18" creationId="{1AE61440-BA51-47B3-8411-D11456A033C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11.762" v="1920"/>
          <pc:sldLayoutMkLst>
            <pc:docMk/>
            <pc:sldMasterMk cId="4013363400" sldId="2147483662"/>
            <pc:sldLayoutMk cId="1642234893" sldId="2147483699"/>
          </pc:sldLayoutMkLst>
          <pc:spChg chg="mod">
            <ac:chgData name="Jonas Bratseth" userId="7880613d-1198-4bca-afa6-2725a9958330" providerId="ADAL" clId="{95DE8DB2-18F4-433B-B35C-C72863037E4B}" dt="2021-04-27T05:56:11.762" v="1920"/>
            <ac:spMkLst>
              <pc:docMk/>
              <pc:sldMasterMk cId="4013363400" sldId="2147483662"/>
              <pc:sldLayoutMk cId="1642234893" sldId="214748369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27" v="1447" actId="790"/>
            <ac:spMkLst>
              <pc:docMk/>
              <pc:sldMasterMk cId="4013363400" sldId="2147483662"/>
              <pc:sldLayoutMk cId="1642234893" sldId="2147483699"/>
              <ac:spMk id="6" creationId="{AD474BC7-695C-44CF-B728-5A6596373BB3}"/>
            </ac:spMkLst>
          </pc:spChg>
          <pc:spChg chg="mod">
            <ac:chgData name="Jonas Bratseth" userId="7880613d-1198-4bca-afa6-2725a9958330" providerId="ADAL" clId="{95DE8DB2-18F4-433B-B35C-C72863037E4B}" dt="2021-04-27T05:47:54.627" v="1448" actId="790"/>
            <ac:spMkLst>
              <pc:docMk/>
              <pc:sldMasterMk cId="4013363400" sldId="2147483662"/>
              <pc:sldLayoutMk cId="1642234893" sldId="2147483699"/>
              <ac:spMk id="7" creationId="{604936F4-C83E-4EE0-B9AC-7015095748A8}"/>
            </ac:spMkLst>
          </pc:spChg>
          <pc:spChg chg="mod">
            <ac:chgData name="Jonas Bratseth" userId="7880613d-1198-4bca-afa6-2725a9958330" providerId="ADAL" clId="{95DE8DB2-18F4-433B-B35C-C72863037E4B}" dt="2021-04-27T05:47:54.627" v="1445" actId="790"/>
            <ac:spMkLst>
              <pc:docMk/>
              <pc:sldMasterMk cId="4013363400" sldId="2147483662"/>
              <pc:sldLayoutMk cId="1642234893" sldId="2147483699"/>
              <ac:spMk id="8" creationId="{79F137A5-05F5-4495-B701-182330FAFA3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30.832" v="2206"/>
          <pc:sldLayoutMkLst>
            <pc:docMk/>
            <pc:sldMasterMk cId="4013363400" sldId="2147483662"/>
            <pc:sldLayoutMk cId="2432129226" sldId="2147483719"/>
          </pc:sldLayoutMkLst>
          <pc:spChg chg="mod">
            <ac:chgData name="Jonas Bratseth" userId="7880613d-1198-4bca-afa6-2725a9958330" providerId="ADAL" clId="{95DE8DB2-18F4-433B-B35C-C72863037E4B}" dt="2021-04-27T05:56:04.728" v="1914"/>
            <ac:spMkLst>
              <pc:docMk/>
              <pc:sldMasterMk cId="4013363400" sldId="2147483662"/>
              <pc:sldLayoutMk cId="2432129226" sldId="214748371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29.080" v="2203"/>
            <ac:spMkLst>
              <pc:docMk/>
              <pc:sldMasterMk cId="4013363400" sldId="2147483662"/>
              <pc:sldLayoutMk cId="2432129226" sldId="2147483719"/>
              <ac:spMk id="14" creationId="{41C31B6B-6FA0-4D20-871D-097EEB559C6D}"/>
            </ac:spMkLst>
          </pc:spChg>
          <pc:spChg chg="mod">
            <ac:chgData name="Jonas Bratseth" userId="7880613d-1198-4bca-afa6-2725a9958330" providerId="ADAL" clId="{95DE8DB2-18F4-433B-B35C-C72863037E4B}" dt="2021-04-27T05:47:54.564" v="1375" actId="790"/>
            <ac:spMkLst>
              <pc:docMk/>
              <pc:sldMasterMk cId="4013363400" sldId="2147483662"/>
              <pc:sldLayoutMk cId="2432129226" sldId="2147483719"/>
              <ac:spMk id="15" creationId="{4DB12D64-A689-4B60-90C3-B38151753D1E}"/>
            </ac:spMkLst>
          </pc:spChg>
          <pc:spChg chg="mod">
            <ac:chgData name="Jonas Bratseth" userId="7880613d-1198-4bca-afa6-2725a9958330" providerId="ADAL" clId="{95DE8DB2-18F4-433B-B35C-C72863037E4B}" dt="2021-04-27T06:04:29.628" v="2204"/>
            <ac:spMkLst>
              <pc:docMk/>
              <pc:sldMasterMk cId="4013363400" sldId="2147483662"/>
              <pc:sldLayoutMk cId="2432129226" sldId="2147483719"/>
              <ac:spMk id="17" creationId="{D3017EFE-25AB-43D8-BC14-A9F3612FEA9C}"/>
            </ac:spMkLst>
          </pc:spChg>
          <pc:spChg chg="mod">
            <ac:chgData name="Jonas Bratseth" userId="7880613d-1198-4bca-afa6-2725a9958330" providerId="ADAL" clId="{95DE8DB2-18F4-433B-B35C-C72863037E4B}" dt="2021-04-27T05:47:54.566" v="1377" actId="790"/>
            <ac:spMkLst>
              <pc:docMk/>
              <pc:sldMasterMk cId="4013363400" sldId="2147483662"/>
              <pc:sldLayoutMk cId="2432129226" sldId="2147483719"/>
              <ac:spMk id="19" creationId="{919B3BBC-3D41-4921-8659-202A8101495E}"/>
            </ac:spMkLst>
          </pc:spChg>
          <pc:spChg chg="mod">
            <ac:chgData name="Jonas Bratseth" userId="7880613d-1198-4bca-afa6-2725a9958330" providerId="ADAL" clId="{95DE8DB2-18F4-433B-B35C-C72863037E4B}" dt="2021-04-27T05:47:54.566" v="1378" actId="790"/>
            <ac:spMkLst>
              <pc:docMk/>
              <pc:sldMasterMk cId="4013363400" sldId="2147483662"/>
              <pc:sldLayoutMk cId="2432129226" sldId="2147483719"/>
              <ac:spMk id="20" creationId="{261063B8-8B1C-473D-BF7A-138131F03E62}"/>
            </ac:spMkLst>
          </pc:spChg>
          <pc:spChg chg="mod">
            <ac:chgData name="Jonas Bratseth" userId="7880613d-1198-4bca-afa6-2725a9958330" providerId="ADAL" clId="{95DE8DB2-18F4-433B-B35C-C72863037E4B}" dt="2021-04-27T06:04:30.255" v="2205"/>
            <ac:spMkLst>
              <pc:docMk/>
              <pc:sldMasterMk cId="4013363400" sldId="2147483662"/>
              <pc:sldLayoutMk cId="2432129226" sldId="2147483719"/>
              <ac:spMk id="21" creationId="{F4276D84-B999-403B-AB64-6C4371521469}"/>
            </ac:spMkLst>
          </pc:spChg>
          <pc:spChg chg="mod">
            <ac:chgData name="Jonas Bratseth" userId="7880613d-1198-4bca-afa6-2725a9958330" providerId="ADAL" clId="{95DE8DB2-18F4-433B-B35C-C72863037E4B}" dt="2021-04-27T06:04:30.832" v="2206"/>
            <ac:spMkLst>
              <pc:docMk/>
              <pc:sldMasterMk cId="4013363400" sldId="2147483662"/>
              <pc:sldLayoutMk cId="2432129226" sldId="2147483719"/>
              <ac:spMk id="22" creationId="{A71538D3-586D-494E-B89E-8380313D69D2}"/>
            </ac:spMkLst>
          </pc:spChg>
          <pc:spChg chg="mod">
            <ac:chgData name="Jonas Bratseth" userId="7880613d-1198-4bca-afa6-2725a9958330" providerId="ADAL" clId="{95DE8DB2-18F4-433B-B35C-C72863037E4B}" dt="2021-04-27T05:47:54.566" v="1383" actId="790"/>
            <ac:spMkLst>
              <pc:docMk/>
              <pc:sldMasterMk cId="4013363400" sldId="2147483662"/>
              <pc:sldLayoutMk cId="2432129226" sldId="2147483719"/>
              <ac:spMk id="23" creationId="{5171294F-D84E-4A6F-870E-59E9DBCCA8CD}"/>
            </ac:spMkLst>
          </pc:spChg>
          <pc:spChg chg="mod">
            <ac:chgData name="Jonas Bratseth" userId="7880613d-1198-4bca-afa6-2725a9958330" providerId="ADAL" clId="{95DE8DB2-18F4-433B-B35C-C72863037E4B}" dt="2021-04-27T05:47:54.566" v="1384" actId="790"/>
            <ac:spMkLst>
              <pc:docMk/>
              <pc:sldMasterMk cId="4013363400" sldId="2147483662"/>
              <pc:sldLayoutMk cId="2432129226" sldId="2147483719"/>
              <ac:spMk id="24" creationId="{EF101C2C-0C77-447C-BA84-1AABEF6FE385}"/>
            </ac:spMkLst>
          </pc:spChg>
          <pc:spChg chg="mod">
            <ac:chgData name="Jonas Bratseth" userId="7880613d-1198-4bca-afa6-2725a9958330" providerId="ADAL" clId="{95DE8DB2-18F4-433B-B35C-C72863037E4B}" dt="2021-04-27T05:47:54.574" v="1385" actId="790"/>
            <ac:spMkLst>
              <pc:docMk/>
              <pc:sldMasterMk cId="4013363400" sldId="2147483662"/>
              <pc:sldLayoutMk cId="2432129226" sldId="2147483719"/>
              <ac:spMk id="25" creationId="{EBB600D2-A0F5-4B88-8C17-3CD0807F9ED9}"/>
            </ac:spMkLst>
          </pc:spChg>
          <pc:spChg chg="mod">
            <ac:chgData name="Jonas Bratseth" userId="7880613d-1198-4bca-afa6-2725a9958330" providerId="ADAL" clId="{95DE8DB2-18F4-433B-B35C-C72863037E4B}" dt="2021-04-27T05:47:54.576" v="1386" actId="790"/>
            <ac:spMkLst>
              <pc:docMk/>
              <pc:sldMasterMk cId="4013363400" sldId="2147483662"/>
              <pc:sldLayoutMk cId="2432129226" sldId="2147483719"/>
              <ac:spMk id="26" creationId="{B32EF8FC-B8B0-4AD1-8E82-18EFC5E83E6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05.936" v="1915"/>
          <pc:sldLayoutMkLst>
            <pc:docMk/>
            <pc:sldMasterMk cId="4013363400" sldId="2147483662"/>
            <pc:sldLayoutMk cId="555026061" sldId="2147483720"/>
          </pc:sldLayoutMkLst>
          <pc:spChg chg="mod">
            <ac:chgData name="Jonas Bratseth" userId="7880613d-1198-4bca-afa6-2725a9958330" providerId="ADAL" clId="{95DE8DB2-18F4-433B-B35C-C72863037E4B}" dt="2021-04-27T05:56:05.936" v="1915"/>
            <ac:spMkLst>
              <pc:docMk/>
              <pc:sldMasterMk cId="4013363400" sldId="2147483662"/>
              <pc:sldLayoutMk cId="555026061" sldId="2147483720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76" v="1387" actId="790"/>
            <ac:spMkLst>
              <pc:docMk/>
              <pc:sldMasterMk cId="4013363400" sldId="2147483662"/>
              <pc:sldLayoutMk cId="555026061" sldId="2147483720"/>
              <ac:spMk id="16" creationId="{1AF60F12-861B-46AE-AD59-6E077CD6FC5A}"/>
            </ac:spMkLst>
          </pc:spChg>
          <pc:spChg chg="mod">
            <ac:chgData name="Jonas Bratseth" userId="7880613d-1198-4bca-afa6-2725a9958330" providerId="ADAL" clId="{95DE8DB2-18F4-433B-B35C-C72863037E4B}" dt="2021-04-27T05:47:54.576" v="1391" actId="790"/>
            <ac:spMkLst>
              <pc:docMk/>
              <pc:sldMasterMk cId="4013363400" sldId="2147483662"/>
              <pc:sldLayoutMk cId="555026061" sldId="2147483720"/>
              <ac:spMk id="17" creationId="{D7B4C10E-44E8-4316-ADBF-4176B85E9969}"/>
            </ac:spMkLst>
          </pc:spChg>
          <pc:spChg chg="mod">
            <ac:chgData name="Jonas Bratseth" userId="7880613d-1198-4bca-afa6-2725a9958330" providerId="ADAL" clId="{95DE8DB2-18F4-433B-B35C-C72863037E4B}" dt="2021-04-27T05:47:54.576" v="1392" actId="790"/>
            <ac:spMkLst>
              <pc:docMk/>
              <pc:sldMasterMk cId="4013363400" sldId="2147483662"/>
              <pc:sldLayoutMk cId="555026061" sldId="2147483720"/>
              <ac:spMk id="18" creationId="{C263C971-72D9-417A-838C-6B7D53DD9AB5}"/>
            </ac:spMkLst>
          </pc:spChg>
          <pc:spChg chg="mod">
            <ac:chgData name="Jonas Bratseth" userId="7880613d-1198-4bca-afa6-2725a9958330" providerId="ADAL" clId="{95DE8DB2-18F4-433B-B35C-C72863037E4B}" dt="2021-04-27T05:47:54.576" v="1393" actId="790"/>
            <ac:spMkLst>
              <pc:docMk/>
              <pc:sldMasterMk cId="4013363400" sldId="2147483662"/>
              <pc:sldLayoutMk cId="555026061" sldId="2147483720"/>
              <ac:spMk id="19" creationId="{A73A6F4C-9B53-4890-BE7B-A022FB064A44}"/>
            </ac:spMkLst>
          </pc:spChg>
          <pc:spChg chg="mod">
            <ac:chgData name="Jonas Bratseth" userId="7880613d-1198-4bca-afa6-2725a9958330" providerId="ADAL" clId="{95DE8DB2-18F4-433B-B35C-C72863037E4B}" dt="2021-04-27T05:47:54.576" v="1389" actId="790"/>
            <ac:spMkLst>
              <pc:docMk/>
              <pc:sldMasterMk cId="4013363400" sldId="2147483662"/>
              <pc:sldLayoutMk cId="555026061" sldId="2147483720"/>
              <ac:spMk id="21" creationId="{1B66DEC5-A299-4233-BF59-D0200E69FC4B}"/>
            </ac:spMkLst>
          </pc:spChg>
          <pc:spChg chg="mod">
            <ac:chgData name="Jonas Bratseth" userId="7880613d-1198-4bca-afa6-2725a9958330" providerId="ADAL" clId="{95DE8DB2-18F4-433B-B35C-C72863037E4B}" dt="2021-04-27T05:47:54.576" v="1390" actId="790"/>
            <ac:spMkLst>
              <pc:docMk/>
              <pc:sldMasterMk cId="4013363400" sldId="2147483662"/>
              <pc:sldLayoutMk cId="555026061" sldId="2147483720"/>
              <ac:spMk id="22" creationId="{36E6D055-A78F-43F7-99EB-B44D7879B8CF}"/>
            </ac:spMkLst>
          </pc:spChg>
          <pc:spChg chg="mod">
            <ac:chgData name="Jonas Bratseth" userId="7880613d-1198-4bca-afa6-2725a9958330" providerId="ADAL" clId="{95DE8DB2-18F4-433B-B35C-C72863037E4B}" dt="2021-04-27T05:47:54.576" v="1394" actId="790"/>
            <ac:spMkLst>
              <pc:docMk/>
              <pc:sldMasterMk cId="4013363400" sldId="2147483662"/>
              <pc:sldLayoutMk cId="555026061" sldId="2147483720"/>
              <ac:spMk id="23" creationId="{0EABF451-A30A-4B70-A311-E02AA51BD73F}"/>
            </ac:spMkLst>
          </pc:spChg>
          <pc:spChg chg="mod">
            <ac:chgData name="Jonas Bratseth" userId="7880613d-1198-4bca-afa6-2725a9958330" providerId="ADAL" clId="{95DE8DB2-18F4-433B-B35C-C72863037E4B}" dt="2021-04-27T05:47:54.576" v="1395" actId="790"/>
            <ac:spMkLst>
              <pc:docMk/>
              <pc:sldMasterMk cId="4013363400" sldId="2147483662"/>
              <pc:sldLayoutMk cId="555026061" sldId="2147483720"/>
              <ac:spMk id="24" creationId="{00C50359-0B90-473E-B638-5C6E12F4E58B}"/>
            </ac:spMkLst>
          </pc:spChg>
          <pc:spChg chg="mod">
            <ac:chgData name="Jonas Bratseth" userId="7880613d-1198-4bca-afa6-2725a9958330" providerId="ADAL" clId="{95DE8DB2-18F4-433B-B35C-C72863037E4B}" dt="2021-04-27T05:47:54.584" v="1396" actId="790"/>
            <ac:spMkLst>
              <pc:docMk/>
              <pc:sldMasterMk cId="4013363400" sldId="2147483662"/>
              <pc:sldLayoutMk cId="555026061" sldId="2147483720"/>
              <ac:spMk id="25" creationId="{12F0BFF5-0BE5-4A17-AD0B-2973A016BC85}"/>
            </ac:spMkLst>
          </pc:spChg>
          <pc:spChg chg="mod">
            <ac:chgData name="Jonas Bratseth" userId="7880613d-1198-4bca-afa6-2725a9958330" providerId="ADAL" clId="{95DE8DB2-18F4-433B-B35C-C72863037E4B}" dt="2021-04-27T05:47:54.586" v="1397" actId="790"/>
            <ac:spMkLst>
              <pc:docMk/>
              <pc:sldMasterMk cId="4013363400" sldId="2147483662"/>
              <pc:sldLayoutMk cId="555026061" sldId="2147483720"/>
              <ac:spMk id="26" creationId="{FE9BE84A-8A6C-41DD-B315-07B16189200B}"/>
            </ac:spMkLst>
          </pc:spChg>
          <pc:spChg chg="mod">
            <ac:chgData name="Jonas Bratseth" userId="7880613d-1198-4bca-afa6-2725a9958330" providerId="ADAL" clId="{95DE8DB2-18F4-433B-B35C-C72863037E4B}" dt="2021-04-27T05:47:54.586" v="1398" actId="790"/>
            <ac:spMkLst>
              <pc:docMk/>
              <pc:sldMasterMk cId="4013363400" sldId="2147483662"/>
              <pc:sldLayoutMk cId="555026061" sldId="2147483720"/>
              <ac:spMk id="27" creationId="{847321C3-4154-44B3-ABFA-277BCB352EE8}"/>
            </ac:spMkLst>
          </pc:spChg>
          <pc:spChg chg="mod">
            <ac:chgData name="Jonas Bratseth" userId="7880613d-1198-4bca-afa6-2725a9958330" providerId="ADAL" clId="{95DE8DB2-18F4-433B-B35C-C72863037E4B}" dt="2021-04-27T05:47:54.586" v="1399" actId="790"/>
            <ac:spMkLst>
              <pc:docMk/>
              <pc:sldMasterMk cId="4013363400" sldId="2147483662"/>
              <pc:sldLayoutMk cId="555026061" sldId="2147483720"/>
              <ac:spMk id="28" creationId="{8B6C8C90-DD52-4FC6-A7FC-0CA1F6B30600}"/>
            </ac:spMkLst>
          </pc:spChg>
          <pc:spChg chg="mod">
            <ac:chgData name="Jonas Bratseth" userId="7880613d-1198-4bca-afa6-2725a9958330" providerId="ADAL" clId="{95DE8DB2-18F4-433B-B35C-C72863037E4B}" dt="2021-04-27T05:47:54.594" v="1400" actId="790"/>
            <ac:spMkLst>
              <pc:docMk/>
              <pc:sldMasterMk cId="4013363400" sldId="2147483662"/>
              <pc:sldLayoutMk cId="555026061" sldId="2147483720"/>
              <ac:spMk id="29" creationId="{172B1DA1-AA1E-4C2A-B921-AD87D5A4E0B4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01.144" v="1911"/>
          <pc:sldLayoutMkLst>
            <pc:docMk/>
            <pc:sldMasterMk cId="4013363400" sldId="2147483662"/>
            <pc:sldLayoutMk cId="2626950569" sldId="2147483733"/>
          </pc:sldLayoutMkLst>
          <pc:spChg chg="mod">
            <ac:chgData name="Jonas Bratseth" userId="7880613d-1198-4bca-afa6-2725a9958330" providerId="ADAL" clId="{95DE8DB2-18F4-433B-B35C-C72863037E4B}" dt="2021-04-27T05:56:01.144" v="1911"/>
            <ac:spMkLst>
              <pc:docMk/>
              <pc:sldMasterMk cId="4013363400" sldId="2147483662"/>
              <pc:sldLayoutMk cId="2626950569" sldId="214748373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44" v="1355" actId="790"/>
            <ac:spMkLst>
              <pc:docMk/>
              <pc:sldMasterMk cId="4013363400" sldId="2147483662"/>
              <pc:sldLayoutMk cId="2626950569" sldId="2147483733"/>
              <ac:spMk id="7" creationId="{F444DAB5-754B-4A6F-B710-754439ADFDD0}"/>
            </ac:spMkLst>
          </pc:spChg>
          <pc:spChg chg="mod">
            <ac:chgData name="Jonas Bratseth" userId="7880613d-1198-4bca-afa6-2725a9958330" providerId="ADAL" clId="{95DE8DB2-18F4-433B-B35C-C72863037E4B}" dt="2021-04-27T05:47:54.546" v="1356" actId="790"/>
            <ac:spMkLst>
              <pc:docMk/>
              <pc:sldMasterMk cId="4013363400" sldId="2147483662"/>
              <pc:sldLayoutMk cId="2626950569" sldId="2147483733"/>
              <ac:spMk id="8" creationId="{3A8F863F-3ACF-4957-A9A6-A89D8AA0A874}"/>
            </ac:spMkLst>
          </pc:spChg>
          <pc:spChg chg="mod">
            <ac:chgData name="Jonas Bratseth" userId="7880613d-1198-4bca-afa6-2725a9958330" providerId="ADAL" clId="{95DE8DB2-18F4-433B-B35C-C72863037E4B}" dt="2021-04-27T05:47:54.536" v="1353" actId="790"/>
            <ac:spMkLst>
              <pc:docMk/>
              <pc:sldMasterMk cId="4013363400" sldId="2147483662"/>
              <pc:sldLayoutMk cId="2626950569" sldId="2147483733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536" v="1351" actId="790"/>
            <ac:spMkLst>
              <pc:docMk/>
              <pc:sldMasterMk cId="4013363400" sldId="2147483662"/>
              <pc:sldLayoutMk cId="2626950569" sldId="2147483733"/>
              <ac:spMk id="10" creationId="{34BE0FA2-6731-490B-A8AE-529FD3A1287C}"/>
            </ac:spMkLst>
          </pc:spChg>
          <pc:spChg chg="mod">
            <ac:chgData name="Jonas Bratseth" userId="7880613d-1198-4bca-afa6-2725a9958330" providerId="ADAL" clId="{95DE8DB2-18F4-433B-B35C-C72863037E4B}" dt="2021-04-27T05:47:54.544" v="1354" actId="790"/>
            <ac:spMkLst>
              <pc:docMk/>
              <pc:sldMasterMk cId="4013363400" sldId="2147483662"/>
              <pc:sldLayoutMk cId="2626950569" sldId="2147483733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25.969" v="2199"/>
          <pc:sldLayoutMkLst>
            <pc:docMk/>
            <pc:sldMasterMk cId="4013363400" sldId="2147483662"/>
            <pc:sldLayoutMk cId="734244194" sldId="2147483734"/>
          </pc:sldLayoutMkLst>
          <pc:spChg chg="mod">
            <ac:chgData name="Jonas Bratseth" userId="7880613d-1198-4bca-afa6-2725a9958330" providerId="ADAL" clId="{95DE8DB2-18F4-433B-B35C-C72863037E4B}" dt="2021-04-27T05:56:02.409" v="1912"/>
            <ac:spMkLst>
              <pc:docMk/>
              <pc:sldMasterMk cId="4013363400" sldId="2147483662"/>
              <pc:sldLayoutMk cId="734244194" sldId="214748373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46" v="1360" actId="790"/>
            <ac:spMkLst>
              <pc:docMk/>
              <pc:sldMasterMk cId="4013363400" sldId="2147483662"/>
              <pc:sldLayoutMk cId="734244194" sldId="2147483734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546" v="1359" actId="790"/>
            <ac:spMkLst>
              <pc:docMk/>
              <pc:sldMasterMk cId="4013363400" sldId="2147483662"/>
              <pc:sldLayoutMk cId="734244194" sldId="2147483734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546" v="1361" actId="790"/>
            <ac:spMkLst>
              <pc:docMk/>
              <pc:sldMasterMk cId="4013363400" sldId="2147483662"/>
              <pc:sldLayoutMk cId="734244194" sldId="2147483734"/>
              <ac:spMk id="11" creationId="{A438A2C9-456E-4D4E-94D6-AED12A02C14C}"/>
            </ac:spMkLst>
          </pc:spChg>
          <pc:spChg chg="mod">
            <ac:chgData name="Jonas Bratseth" userId="7880613d-1198-4bca-afa6-2725a9958330" providerId="ADAL" clId="{95DE8DB2-18F4-433B-B35C-C72863037E4B}" dt="2021-04-27T05:47:54.546" v="1362" actId="790"/>
            <ac:spMkLst>
              <pc:docMk/>
              <pc:sldMasterMk cId="4013363400" sldId="2147483662"/>
              <pc:sldLayoutMk cId="734244194" sldId="2147483734"/>
              <ac:spMk id="12" creationId="{0EE22A6A-0A3A-4F38-94A9-28038AC019E0}"/>
            </ac:spMkLst>
          </pc:spChg>
          <pc:spChg chg="mod">
            <ac:chgData name="Jonas Bratseth" userId="7880613d-1198-4bca-afa6-2725a9958330" providerId="ADAL" clId="{95DE8DB2-18F4-433B-B35C-C72863037E4B}" dt="2021-04-27T05:47:54.546" v="1357" actId="790"/>
            <ac:spMkLst>
              <pc:docMk/>
              <pc:sldMasterMk cId="4013363400" sldId="2147483662"/>
              <pc:sldLayoutMk cId="734244194" sldId="2147483734"/>
              <ac:spMk id="13" creationId="{43FC889A-B218-460E-BA8D-2E419FFE9EBD}"/>
            </ac:spMkLst>
          </pc:spChg>
          <pc:spChg chg="mod">
            <ac:chgData name="Jonas Bratseth" userId="7880613d-1198-4bca-afa6-2725a9958330" providerId="ADAL" clId="{95DE8DB2-18F4-433B-B35C-C72863037E4B}" dt="2021-04-27T06:04:25.503" v="2198"/>
            <ac:spMkLst>
              <pc:docMk/>
              <pc:sldMasterMk cId="4013363400" sldId="2147483662"/>
              <pc:sldLayoutMk cId="734244194" sldId="2147483734"/>
              <ac:spMk id="14" creationId="{4A462DB3-E68E-4AB4-9C93-064327EA7E6C}"/>
            </ac:spMkLst>
          </pc:spChg>
          <pc:spChg chg="mod">
            <ac:chgData name="Jonas Bratseth" userId="7880613d-1198-4bca-afa6-2725a9958330" providerId="ADAL" clId="{95DE8DB2-18F4-433B-B35C-C72863037E4B}" dt="2021-04-27T06:04:25.969" v="2199"/>
            <ac:spMkLst>
              <pc:docMk/>
              <pc:sldMasterMk cId="4013363400" sldId="2147483662"/>
              <pc:sldLayoutMk cId="734244194" sldId="2147483734"/>
              <ac:spMk id="15" creationId="{9922B3F0-06D5-4753-B10F-A22AC78E4C0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07.211" v="1916"/>
          <pc:sldLayoutMkLst>
            <pc:docMk/>
            <pc:sldMasterMk cId="4013363400" sldId="2147483662"/>
            <pc:sldLayoutMk cId="2919048163" sldId="2147483735"/>
          </pc:sldLayoutMkLst>
          <pc:spChg chg="mod">
            <ac:chgData name="Jonas Bratseth" userId="7880613d-1198-4bca-afa6-2725a9958330" providerId="ADAL" clId="{95DE8DB2-18F4-433B-B35C-C72863037E4B}" dt="2021-04-27T05:56:07.211" v="1916"/>
            <ac:spMkLst>
              <pc:docMk/>
              <pc:sldMasterMk cId="4013363400" sldId="2147483662"/>
              <pc:sldLayoutMk cId="2919048163" sldId="214748373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97" v="1403" actId="790"/>
            <ac:spMkLst>
              <pc:docMk/>
              <pc:sldMasterMk cId="4013363400" sldId="2147483662"/>
              <pc:sldLayoutMk cId="2919048163" sldId="2147483735"/>
              <ac:spMk id="10" creationId="{47B43333-FEED-49FB-BE24-313277381374}"/>
            </ac:spMkLst>
          </pc:spChg>
          <pc:spChg chg="mod">
            <ac:chgData name="Jonas Bratseth" userId="7880613d-1198-4bca-afa6-2725a9958330" providerId="ADAL" clId="{95DE8DB2-18F4-433B-B35C-C72863037E4B}" dt="2021-04-27T05:47:54.597" v="1404" actId="790"/>
            <ac:spMkLst>
              <pc:docMk/>
              <pc:sldMasterMk cId="4013363400" sldId="2147483662"/>
              <pc:sldLayoutMk cId="2919048163" sldId="2147483735"/>
              <ac:spMk id="11" creationId="{2FD57A55-73BA-450A-9273-24975A7F5ED6}"/>
            </ac:spMkLst>
          </pc:spChg>
          <pc:spChg chg="mod">
            <ac:chgData name="Jonas Bratseth" userId="7880613d-1198-4bca-afa6-2725a9958330" providerId="ADAL" clId="{95DE8DB2-18F4-433B-B35C-C72863037E4B}" dt="2021-04-27T05:47:54.597" v="1405" actId="790"/>
            <ac:spMkLst>
              <pc:docMk/>
              <pc:sldMasterMk cId="4013363400" sldId="2147483662"/>
              <pc:sldLayoutMk cId="2919048163" sldId="2147483735"/>
              <ac:spMk id="12" creationId="{85BC3D22-7859-41A6-92FD-93C0927C8E6E}"/>
            </ac:spMkLst>
          </pc:spChg>
          <pc:spChg chg="mod">
            <ac:chgData name="Jonas Bratseth" userId="7880613d-1198-4bca-afa6-2725a9958330" providerId="ADAL" clId="{95DE8DB2-18F4-433B-B35C-C72863037E4B}" dt="2021-04-27T05:47:54.597" v="1406" actId="790"/>
            <ac:spMkLst>
              <pc:docMk/>
              <pc:sldMasterMk cId="4013363400" sldId="2147483662"/>
              <pc:sldLayoutMk cId="2919048163" sldId="2147483735"/>
              <ac:spMk id="13" creationId="{4AE4DB8F-1F65-4E96-89C3-A53D39636258}"/>
            </ac:spMkLst>
          </pc:spChg>
          <pc:spChg chg="mod">
            <ac:chgData name="Jonas Bratseth" userId="7880613d-1198-4bca-afa6-2725a9958330" providerId="ADAL" clId="{95DE8DB2-18F4-433B-B35C-C72863037E4B}" dt="2021-04-27T05:47:54.594" v="1401" actId="790"/>
            <ac:spMkLst>
              <pc:docMk/>
              <pc:sldMasterMk cId="4013363400" sldId="2147483662"/>
              <pc:sldLayoutMk cId="2919048163" sldId="2147483735"/>
              <ac:spMk id="14" creationId="{1A4CE8CD-E824-4F9A-B438-8771D59AACEB}"/>
            </ac:spMkLst>
          </pc:spChg>
          <pc:spChg chg="mod">
            <ac:chgData name="Jonas Bratseth" userId="7880613d-1198-4bca-afa6-2725a9958330" providerId="ADAL" clId="{95DE8DB2-18F4-433B-B35C-C72863037E4B}" dt="2021-04-27T05:47:54.597" v="1407" actId="790"/>
            <ac:spMkLst>
              <pc:docMk/>
              <pc:sldMasterMk cId="4013363400" sldId="2147483662"/>
              <pc:sldLayoutMk cId="2919048163" sldId="2147483735"/>
              <ac:spMk id="17" creationId="{37A4E066-E94C-48EF-AFA8-D2837BC7D688}"/>
            </ac:spMkLst>
          </pc:spChg>
          <pc:spChg chg="mod">
            <ac:chgData name="Jonas Bratseth" userId="7880613d-1198-4bca-afa6-2725a9958330" providerId="ADAL" clId="{95DE8DB2-18F4-433B-B35C-C72863037E4B}" dt="2021-04-27T05:47:54.605" v="1408" actId="790"/>
            <ac:spMkLst>
              <pc:docMk/>
              <pc:sldMasterMk cId="4013363400" sldId="2147483662"/>
              <pc:sldLayoutMk cId="2919048163" sldId="2147483735"/>
              <ac:spMk id="18" creationId="{E976DF51-5EA0-4493-B932-EBF3AB39550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35.268" v="2210"/>
          <pc:sldLayoutMkLst>
            <pc:docMk/>
            <pc:sldMasterMk cId="4013363400" sldId="2147483662"/>
            <pc:sldLayoutMk cId="2881194976" sldId="2147483736"/>
          </pc:sldLayoutMkLst>
          <pc:spChg chg="mod">
            <ac:chgData name="Jonas Bratseth" userId="7880613d-1198-4bca-afa6-2725a9958330" providerId="ADAL" clId="{95DE8DB2-18F4-433B-B35C-C72863037E4B}" dt="2021-04-27T05:56:08.409" v="1917"/>
            <ac:spMkLst>
              <pc:docMk/>
              <pc:sldMasterMk cId="4013363400" sldId="2147483662"/>
              <pc:sldLayoutMk cId="2881194976" sldId="214748373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05" v="1409" actId="790"/>
            <ac:spMkLst>
              <pc:docMk/>
              <pc:sldMasterMk cId="4013363400" sldId="2147483662"/>
              <pc:sldLayoutMk cId="2881194976" sldId="2147483736"/>
              <ac:spMk id="14" creationId="{4E7909E5-F9C9-4D07-9C78-D75C7C372A36}"/>
            </ac:spMkLst>
          </pc:spChg>
          <pc:spChg chg="mod">
            <ac:chgData name="Jonas Bratseth" userId="7880613d-1198-4bca-afa6-2725a9958330" providerId="ADAL" clId="{95DE8DB2-18F4-433B-B35C-C72863037E4B}" dt="2021-04-27T05:47:54.607" v="1411" actId="790"/>
            <ac:spMkLst>
              <pc:docMk/>
              <pc:sldMasterMk cId="4013363400" sldId="2147483662"/>
              <pc:sldLayoutMk cId="2881194976" sldId="2147483736"/>
              <ac:spMk id="19" creationId="{A2C02546-FB88-4A2F-8539-75C6D57D7B88}"/>
            </ac:spMkLst>
          </pc:spChg>
          <pc:spChg chg="mod">
            <ac:chgData name="Jonas Bratseth" userId="7880613d-1198-4bca-afa6-2725a9958330" providerId="ADAL" clId="{95DE8DB2-18F4-433B-B35C-C72863037E4B}" dt="2021-04-27T05:47:54.607" v="1412" actId="790"/>
            <ac:spMkLst>
              <pc:docMk/>
              <pc:sldMasterMk cId="4013363400" sldId="2147483662"/>
              <pc:sldLayoutMk cId="2881194976" sldId="2147483736"/>
              <ac:spMk id="22" creationId="{D9E60C3C-3A07-409E-8AE9-F1074D1BA138}"/>
            </ac:spMkLst>
          </pc:spChg>
          <pc:spChg chg="mod">
            <ac:chgData name="Jonas Bratseth" userId="7880613d-1198-4bca-afa6-2725a9958330" providerId="ADAL" clId="{95DE8DB2-18F4-433B-B35C-C72863037E4B}" dt="2021-04-27T06:04:33.750" v="2207"/>
            <ac:spMkLst>
              <pc:docMk/>
              <pc:sldMasterMk cId="4013363400" sldId="2147483662"/>
              <pc:sldLayoutMk cId="2881194976" sldId="2147483736"/>
              <ac:spMk id="25" creationId="{491A31F3-225A-4D87-ADDA-6E4F2B4414BC}"/>
            </ac:spMkLst>
          </pc:spChg>
          <pc:spChg chg="mod">
            <ac:chgData name="Jonas Bratseth" userId="7880613d-1198-4bca-afa6-2725a9958330" providerId="ADAL" clId="{95DE8DB2-18F4-433B-B35C-C72863037E4B}" dt="2021-04-27T05:47:54.607" v="1414" actId="790"/>
            <ac:spMkLst>
              <pc:docMk/>
              <pc:sldMasterMk cId="4013363400" sldId="2147483662"/>
              <pc:sldLayoutMk cId="2881194976" sldId="2147483736"/>
              <ac:spMk id="28" creationId="{B770482F-CCB3-4B7D-8454-DB70EA6B339E}"/>
            </ac:spMkLst>
          </pc:spChg>
          <pc:spChg chg="mod">
            <ac:chgData name="Jonas Bratseth" userId="7880613d-1198-4bca-afa6-2725a9958330" providerId="ADAL" clId="{95DE8DB2-18F4-433B-B35C-C72863037E4B}" dt="2021-04-27T06:04:34.151" v="2208"/>
            <ac:spMkLst>
              <pc:docMk/>
              <pc:sldMasterMk cId="4013363400" sldId="2147483662"/>
              <pc:sldLayoutMk cId="2881194976" sldId="2147483736"/>
              <ac:spMk id="29" creationId="{39E9E977-CEA3-4EC6-B64B-8B752209210F}"/>
            </ac:spMkLst>
          </pc:spChg>
          <pc:spChg chg="mod">
            <ac:chgData name="Jonas Bratseth" userId="7880613d-1198-4bca-afa6-2725a9958330" providerId="ADAL" clId="{95DE8DB2-18F4-433B-B35C-C72863037E4B}" dt="2021-04-27T05:47:54.607" v="1416" actId="790"/>
            <ac:spMkLst>
              <pc:docMk/>
              <pc:sldMasterMk cId="4013363400" sldId="2147483662"/>
              <pc:sldLayoutMk cId="2881194976" sldId="2147483736"/>
              <ac:spMk id="30" creationId="{C1010C08-ED2F-4346-B923-CF1C42334866}"/>
            </ac:spMkLst>
          </pc:spChg>
          <pc:spChg chg="mod">
            <ac:chgData name="Jonas Bratseth" userId="7880613d-1198-4bca-afa6-2725a9958330" providerId="ADAL" clId="{95DE8DB2-18F4-433B-B35C-C72863037E4B}" dt="2021-04-27T06:04:34.660" v="2209"/>
            <ac:spMkLst>
              <pc:docMk/>
              <pc:sldMasterMk cId="4013363400" sldId="2147483662"/>
              <pc:sldLayoutMk cId="2881194976" sldId="2147483736"/>
              <ac:spMk id="31" creationId="{9A0707BB-1CE3-46AA-B7BC-5BE7AF8A6C7E}"/>
            </ac:spMkLst>
          </pc:spChg>
          <pc:spChg chg="mod">
            <ac:chgData name="Jonas Bratseth" userId="7880613d-1198-4bca-afa6-2725a9958330" providerId="ADAL" clId="{95DE8DB2-18F4-433B-B35C-C72863037E4B}" dt="2021-04-27T05:47:54.607" v="1418" actId="790"/>
            <ac:spMkLst>
              <pc:docMk/>
              <pc:sldMasterMk cId="4013363400" sldId="2147483662"/>
              <pc:sldLayoutMk cId="2881194976" sldId="2147483736"/>
              <ac:spMk id="33" creationId="{35959A58-30AE-4118-BE88-ED24FA348376}"/>
            </ac:spMkLst>
          </pc:spChg>
          <pc:spChg chg="mod">
            <ac:chgData name="Jonas Bratseth" userId="7880613d-1198-4bca-afa6-2725a9958330" providerId="ADAL" clId="{95DE8DB2-18F4-433B-B35C-C72863037E4B}" dt="2021-04-27T06:04:35.268" v="2210"/>
            <ac:spMkLst>
              <pc:docMk/>
              <pc:sldMasterMk cId="4013363400" sldId="2147483662"/>
              <pc:sldLayoutMk cId="2881194976" sldId="2147483736"/>
              <ac:spMk id="35" creationId="{F561E615-F952-477F-8C9B-46657624D0D6}"/>
            </ac:spMkLst>
          </pc:spChg>
          <pc:spChg chg="mod">
            <ac:chgData name="Jonas Bratseth" userId="7880613d-1198-4bca-afa6-2725a9958330" providerId="ADAL" clId="{95DE8DB2-18F4-433B-B35C-C72863037E4B}" dt="2021-04-27T05:47:54.607" v="1420" actId="790"/>
            <ac:spMkLst>
              <pc:docMk/>
              <pc:sldMasterMk cId="4013363400" sldId="2147483662"/>
              <pc:sldLayoutMk cId="2881194976" sldId="2147483736"/>
              <ac:spMk id="37" creationId="{E7F1059D-1183-42ED-8503-3865336F7102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38.763" v="2214"/>
          <pc:sldLayoutMkLst>
            <pc:docMk/>
            <pc:sldMasterMk cId="4013363400" sldId="2147483662"/>
            <pc:sldLayoutMk cId="1160551681" sldId="2147483737"/>
          </pc:sldLayoutMkLst>
          <pc:spChg chg="mod">
            <ac:chgData name="Jonas Bratseth" userId="7880613d-1198-4bca-afa6-2725a9958330" providerId="ADAL" clId="{95DE8DB2-18F4-433B-B35C-C72863037E4B}" dt="2021-04-27T05:56:09.512" v="1918"/>
            <ac:spMkLst>
              <pc:docMk/>
              <pc:sldMasterMk cId="4013363400" sldId="2147483662"/>
              <pc:sldLayoutMk cId="1160551681" sldId="214748373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07" v="1421" actId="790"/>
            <ac:spMkLst>
              <pc:docMk/>
              <pc:sldMasterMk cId="4013363400" sldId="2147483662"/>
              <pc:sldLayoutMk cId="1160551681" sldId="2147483737"/>
              <ac:spMk id="18" creationId="{7273C3C7-FBB3-4C0A-8AF6-851BF400EFCD}"/>
            </ac:spMkLst>
          </pc:spChg>
          <pc:spChg chg="mod">
            <ac:chgData name="Jonas Bratseth" userId="7880613d-1198-4bca-afa6-2725a9958330" providerId="ADAL" clId="{95DE8DB2-18F4-433B-B35C-C72863037E4B}" dt="2021-04-27T06:04:36.794" v="2211"/>
            <ac:spMkLst>
              <pc:docMk/>
              <pc:sldMasterMk cId="4013363400" sldId="2147483662"/>
              <pc:sldLayoutMk cId="1160551681" sldId="2147483737"/>
              <ac:spMk id="19" creationId="{C25A96DF-E25B-493F-9B08-34427FD0124C}"/>
            </ac:spMkLst>
          </pc:spChg>
          <pc:spChg chg="mod">
            <ac:chgData name="Jonas Bratseth" userId="7880613d-1198-4bca-afa6-2725a9958330" providerId="ADAL" clId="{95DE8DB2-18F4-433B-B35C-C72863037E4B}" dt="2021-04-27T05:47:54.617" v="1427" actId="790"/>
            <ac:spMkLst>
              <pc:docMk/>
              <pc:sldMasterMk cId="4013363400" sldId="2147483662"/>
              <pc:sldLayoutMk cId="1160551681" sldId="2147483737"/>
              <ac:spMk id="21" creationId="{0C772AAB-162D-415B-AD04-9197D0E931EA}"/>
            </ac:spMkLst>
          </pc:spChg>
          <pc:spChg chg="mod">
            <ac:chgData name="Jonas Bratseth" userId="7880613d-1198-4bca-afa6-2725a9958330" providerId="ADAL" clId="{95DE8DB2-18F4-433B-B35C-C72863037E4B}" dt="2021-04-27T05:47:54.617" v="1428" actId="790"/>
            <ac:spMkLst>
              <pc:docMk/>
              <pc:sldMasterMk cId="4013363400" sldId="2147483662"/>
              <pc:sldLayoutMk cId="1160551681" sldId="2147483737"/>
              <ac:spMk id="22" creationId="{8FDE23EB-7781-47C5-8E9D-5ECB5CACE725}"/>
            </ac:spMkLst>
          </pc:spChg>
          <pc:spChg chg="mod">
            <ac:chgData name="Jonas Bratseth" userId="7880613d-1198-4bca-afa6-2725a9958330" providerId="ADAL" clId="{95DE8DB2-18F4-433B-B35C-C72863037E4B}" dt="2021-04-27T05:59:36.917" v="2058"/>
            <ac:spMkLst>
              <pc:docMk/>
              <pc:sldMasterMk cId="4013363400" sldId="2147483662"/>
              <pc:sldLayoutMk cId="1160551681" sldId="2147483737"/>
              <ac:spMk id="23" creationId="{4B688F53-BBB1-445E-A6F3-E882BF4350CF}"/>
            </ac:spMkLst>
          </pc:spChg>
          <pc:spChg chg="mod">
            <ac:chgData name="Jonas Bratseth" userId="7880613d-1198-4bca-afa6-2725a9958330" providerId="ADAL" clId="{95DE8DB2-18F4-433B-B35C-C72863037E4B}" dt="2021-04-27T06:04:37.272" v="2212"/>
            <ac:spMkLst>
              <pc:docMk/>
              <pc:sldMasterMk cId="4013363400" sldId="2147483662"/>
              <pc:sldLayoutMk cId="1160551681" sldId="2147483737"/>
              <ac:spMk id="25" creationId="{B7F89116-451F-4DD0-89B2-164F33BA6B05}"/>
            </ac:spMkLst>
          </pc:spChg>
          <pc:spChg chg="mod">
            <ac:chgData name="Jonas Bratseth" userId="7880613d-1198-4bca-afa6-2725a9958330" providerId="ADAL" clId="{95DE8DB2-18F4-433B-B35C-C72863037E4B}" dt="2021-04-27T05:59:37.488" v="2059"/>
            <ac:spMkLst>
              <pc:docMk/>
              <pc:sldMasterMk cId="4013363400" sldId="2147483662"/>
              <pc:sldLayoutMk cId="1160551681" sldId="2147483737"/>
              <ac:spMk id="26" creationId="{8632DFC8-C898-4272-AAA3-FAD775176DD5}"/>
            </ac:spMkLst>
          </pc:spChg>
          <pc:spChg chg="mod">
            <ac:chgData name="Jonas Bratseth" userId="7880613d-1198-4bca-afa6-2725a9958330" providerId="ADAL" clId="{95DE8DB2-18F4-433B-B35C-C72863037E4B}" dt="2021-04-27T06:04:38.143" v="2213"/>
            <ac:spMkLst>
              <pc:docMk/>
              <pc:sldMasterMk cId="4013363400" sldId="2147483662"/>
              <pc:sldLayoutMk cId="1160551681" sldId="2147483737"/>
              <ac:spMk id="28" creationId="{DED5923B-5AAF-4245-877F-42ACB4621ECD}"/>
            </ac:spMkLst>
          </pc:spChg>
          <pc:spChg chg="mod">
            <ac:chgData name="Jonas Bratseth" userId="7880613d-1198-4bca-afa6-2725a9958330" providerId="ADAL" clId="{95DE8DB2-18F4-433B-B35C-C72863037E4B}" dt="2021-04-27T05:59:38.105" v="2060"/>
            <ac:spMkLst>
              <pc:docMk/>
              <pc:sldMasterMk cId="4013363400" sldId="2147483662"/>
              <pc:sldLayoutMk cId="1160551681" sldId="2147483737"/>
              <ac:spMk id="29" creationId="{DDA51DB5-67DF-4204-8F10-9CCD29DCCCB7}"/>
            </ac:spMkLst>
          </pc:spChg>
          <pc:spChg chg="mod">
            <ac:chgData name="Jonas Bratseth" userId="7880613d-1198-4bca-afa6-2725a9958330" providerId="ADAL" clId="{95DE8DB2-18F4-433B-B35C-C72863037E4B}" dt="2021-04-27T06:04:38.763" v="2214"/>
            <ac:spMkLst>
              <pc:docMk/>
              <pc:sldMasterMk cId="4013363400" sldId="2147483662"/>
              <pc:sldLayoutMk cId="1160551681" sldId="2147483737"/>
              <ac:spMk id="31" creationId="{DDC7ECDF-DFCF-4BD8-B37A-1D7F2B6B18D1}"/>
            </ac:spMkLst>
          </pc:spChg>
          <pc:spChg chg="mod">
            <ac:chgData name="Jonas Bratseth" userId="7880613d-1198-4bca-afa6-2725a9958330" providerId="ADAL" clId="{95DE8DB2-18F4-433B-B35C-C72863037E4B}" dt="2021-04-27T05:59:38.659" v="2061"/>
            <ac:spMkLst>
              <pc:docMk/>
              <pc:sldMasterMk cId="4013363400" sldId="2147483662"/>
              <pc:sldLayoutMk cId="1160551681" sldId="2147483737"/>
              <ac:spMk id="32" creationId="{DD1D1FBC-C20C-41F8-BFCD-83937A110CAB}"/>
            </ac:spMkLst>
          </pc:spChg>
          <pc:spChg chg="mod">
            <ac:chgData name="Jonas Bratseth" userId="7880613d-1198-4bca-afa6-2725a9958330" providerId="ADAL" clId="{95DE8DB2-18F4-433B-B35C-C72863037E4B}" dt="2021-04-27T05:47:54.615" v="1422" actId="790"/>
            <ac:spMkLst>
              <pc:docMk/>
              <pc:sldMasterMk cId="4013363400" sldId="2147483662"/>
              <pc:sldLayoutMk cId="1160551681" sldId="2147483737"/>
              <ac:spMk id="33" creationId="{CDF75CAD-AF26-4B2E-A1D7-033275C98088}"/>
            </ac:spMkLst>
          </pc:spChg>
          <pc:spChg chg="mod">
            <ac:chgData name="Jonas Bratseth" userId="7880613d-1198-4bca-afa6-2725a9958330" providerId="ADAL" clId="{95DE8DB2-18F4-433B-B35C-C72863037E4B}" dt="2021-04-27T05:47:54.615" v="1423" actId="790"/>
            <ac:spMkLst>
              <pc:docMk/>
              <pc:sldMasterMk cId="4013363400" sldId="2147483662"/>
              <pc:sldLayoutMk cId="1160551681" sldId="2147483737"/>
              <ac:spMk id="34" creationId="{5578FDE3-879E-4781-9E54-49B9F581D624}"/>
            </ac:spMkLst>
          </pc:spChg>
          <pc:spChg chg="mod">
            <ac:chgData name="Jonas Bratseth" userId="7880613d-1198-4bca-afa6-2725a9958330" providerId="ADAL" clId="{95DE8DB2-18F4-433B-B35C-C72863037E4B}" dt="2021-04-27T05:47:54.615" v="1424" actId="790"/>
            <ac:spMkLst>
              <pc:docMk/>
              <pc:sldMasterMk cId="4013363400" sldId="2147483662"/>
              <pc:sldLayoutMk cId="1160551681" sldId="2147483737"/>
              <ac:spMk id="35" creationId="{CEC2E523-2461-4546-8557-352F64BC07AF}"/>
            </ac:spMkLst>
          </pc:spChg>
          <pc:spChg chg="mod">
            <ac:chgData name="Jonas Bratseth" userId="7880613d-1198-4bca-afa6-2725a9958330" providerId="ADAL" clId="{95DE8DB2-18F4-433B-B35C-C72863037E4B}" dt="2021-04-27T05:47:54.615" v="1425" actId="790"/>
            <ac:spMkLst>
              <pc:docMk/>
              <pc:sldMasterMk cId="4013363400" sldId="2147483662"/>
              <pc:sldLayoutMk cId="1160551681" sldId="2147483737"/>
              <ac:spMk id="36" creationId="{EA36C350-37EB-4618-9718-4836D79EF3E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41.833" v="2218"/>
          <pc:sldLayoutMkLst>
            <pc:docMk/>
            <pc:sldMasterMk cId="4013363400" sldId="2147483662"/>
            <pc:sldLayoutMk cId="1706262171" sldId="2147483786"/>
          </pc:sldLayoutMkLst>
          <pc:spChg chg="mod">
            <ac:chgData name="Jonas Bratseth" userId="7880613d-1198-4bca-afa6-2725a9958330" providerId="ADAL" clId="{95DE8DB2-18F4-433B-B35C-C72863037E4B}" dt="2021-04-27T05:56:10.677" v="1919"/>
            <ac:spMkLst>
              <pc:docMk/>
              <pc:sldMasterMk cId="4013363400" sldId="2147483662"/>
              <pc:sldLayoutMk cId="1706262171" sldId="214748378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17" v="1435" actId="790"/>
            <ac:spMkLst>
              <pc:docMk/>
              <pc:sldMasterMk cId="4013363400" sldId="2147483662"/>
              <pc:sldLayoutMk cId="1706262171" sldId="2147483786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627" v="1443" actId="790"/>
            <ac:spMkLst>
              <pc:docMk/>
              <pc:sldMasterMk cId="4013363400" sldId="2147483662"/>
              <pc:sldLayoutMk cId="1706262171" sldId="2147483786"/>
              <ac:spMk id="13" creationId="{90A882E4-74CE-4D92-BC8D-06B977AEB64A}"/>
            </ac:spMkLst>
          </pc:spChg>
          <pc:spChg chg="mod">
            <ac:chgData name="Jonas Bratseth" userId="7880613d-1198-4bca-afa6-2725a9958330" providerId="ADAL" clId="{95DE8DB2-18F4-433B-B35C-C72863037E4B}" dt="2021-04-27T05:47:54.627" v="1444" actId="790"/>
            <ac:spMkLst>
              <pc:docMk/>
              <pc:sldMasterMk cId="4013363400" sldId="2147483662"/>
              <pc:sldLayoutMk cId="1706262171" sldId="2147483786"/>
              <ac:spMk id="14" creationId="{0B11BCFA-81AC-404C-B12E-AB24A852C210}"/>
            </ac:spMkLst>
          </pc:spChg>
          <pc:spChg chg="mod">
            <ac:chgData name="Jonas Bratseth" userId="7880613d-1198-4bca-afa6-2725a9958330" providerId="ADAL" clId="{95DE8DB2-18F4-433B-B35C-C72863037E4B}" dt="2021-04-27T05:47:54.617" v="1433" actId="790"/>
            <ac:spMkLst>
              <pc:docMk/>
              <pc:sldMasterMk cId="4013363400" sldId="2147483662"/>
              <pc:sldLayoutMk cId="1706262171" sldId="2147483786"/>
              <ac:spMk id="15" creationId="{B6313F33-014B-48C2-AF77-EABE3C6C0B91}"/>
            </ac:spMkLst>
          </pc:spChg>
          <pc:spChg chg="mod">
            <ac:chgData name="Jonas Bratseth" userId="7880613d-1198-4bca-afa6-2725a9958330" providerId="ADAL" clId="{95DE8DB2-18F4-433B-B35C-C72863037E4B}" dt="2021-04-27T06:04:40.076" v="2215"/>
            <ac:spMkLst>
              <pc:docMk/>
              <pc:sldMasterMk cId="4013363400" sldId="2147483662"/>
              <pc:sldLayoutMk cId="1706262171" sldId="2147483786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625" v="1437" actId="790"/>
            <ac:spMkLst>
              <pc:docMk/>
              <pc:sldMasterMk cId="4013363400" sldId="2147483662"/>
              <pc:sldLayoutMk cId="1706262171" sldId="2147483786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4:40.546" v="2216"/>
            <ac:spMkLst>
              <pc:docMk/>
              <pc:sldMasterMk cId="4013363400" sldId="2147483662"/>
              <pc:sldLayoutMk cId="1706262171" sldId="2147483786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625" v="1439" actId="790"/>
            <ac:spMkLst>
              <pc:docMk/>
              <pc:sldMasterMk cId="4013363400" sldId="2147483662"/>
              <pc:sldLayoutMk cId="1706262171" sldId="2147483786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4:41.232" v="2217"/>
            <ac:spMkLst>
              <pc:docMk/>
              <pc:sldMasterMk cId="4013363400" sldId="2147483662"/>
              <pc:sldLayoutMk cId="1706262171" sldId="2147483786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627" v="1441" actId="790"/>
            <ac:spMkLst>
              <pc:docMk/>
              <pc:sldMasterMk cId="4013363400" sldId="2147483662"/>
              <pc:sldLayoutMk cId="1706262171" sldId="2147483786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4:41.833" v="2218"/>
            <ac:spMkLst>
              <pc:docMk/>
              <pc:sldMasterMk cId="4013363400" sldId="2147483662"/>
              <pc:sldLayoutMk cId="1706262171" sldId="2147483786"/>
              <ac:spMk id="51" creationId="{9B87CD94-7A09-4FBF-8581-99B20B7C8576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7:02.573" v="2269"/>
        <pc:sldMasterMkLst>
          <pc:docMk/>
          <pc:sldMasterMk cId="1571303548" sldId="2147483672"/>
        </pc:sldMasterMkLst>
        <pc:spChg chg="mod">
          <ac:chgData name="Jonas Bratseth" userId="7880613d-1198-4bca-afa6-2725a9958330" providerId="ADAL" clId="{95DE8DB2-18F4-433B-B35C-C72863037E4B}" dt="2021-04-27T05:56:13.565" v="1921"/>
          <ac:spMkLst>
            <pc:docMk/>
            <pc:sldMasterMk cId="1571303548" sldId="2147483672"/>
            <ac:spMk id="2" creationId="{EC00E0C1-94DD-4E87-91A3-A53B9DA66CC3}"/>
          </ac:spMkLst>
        </pc:spChg>
        <pc:spChg chg="mod">
          <ac:chgData name="Jonas Bratseth" userId="7880613d-1198-4bca-afa6-2725a9958330" providerId="ADAL" clId="{95DE8DB2-18F4-433B-B35C-C72863037E4B}" dt="2021-04-27T06:07:02.573" v="2269"/>
          <ac:spMkLst>
            <pc:docMk/>
            <pc:sldMasterMk cId="1571303548" sldId="2147483672"/>
            <ac:spMk id="8" creationId="{674E4E07-17EE-44AB-A23B-DF246D6AC8BF}"/>
          </ac:spMkLst>
        </pc:spChg>
        <pc:sldLayoutChg chg="modSp mod">
          <pc:chgData name="Jonas Bratseth" userId="7880613d-1198-4bca-afa6-2725a9958330" providerId="ADAL" clId="{95DE8DB2-18F4-433B-B35C-C72863037E4B}" dt="2021-04-27T06:01:56.936" v="2127"/>
          <pc:sldLayoutMkLst>
            <pc:docMk/>
            <pc:sldMasterMk cId="1571303548" sldId="2147483672"/>
            <pc:sldLayoutMk cId="1587017909" sldId="2147483673"/>
          </pc:sldLayoutMkLst>
          <pc:spChg chg="mod">
            <ac:chgData name="Jonas Bratseth" userId="7880613d-1198-4bca-afa6-2725a9958330" providerId="ADAL" clId="{95DE8DB2-18F4-433B-B35C-C72863037E4B}" dt="2021-04-27T06:01:56.936" v="2127"/>
            <ac:spMkLst>
              <pc:docMk/>
              <pc:sldMasterMk cId="1571303548" sldId="2147483672"/>
              <pc:sldLayoutMk cId="1587017909" sldId="2147483673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635" v="1453" actId="790"/>
            <ac:spMkLst>
              <pc:docMk/>
              <pc:sldMasterMk cId="1571303548" sldId="2147483672"/>
              <pc:sldLayoutMk cId="1587017909" sldId="2147483673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635" v="1452" actId="790"/>
            <ac:spMkLst>
              <pc:docMk/>
              <pc:sldMasterMk cId="1571303548" sldId="2147483672"/>
              <pc:sldLayoutMk cId="1587017909" sldId="2147483673"/>
              <ac:spMk id="6" creationId="{3A0BAEDA-2B5E-4C83-9161-0B871B632CD8}"/>
            </ac:spMkLst>
          </pc:spChg>
          <pc:spChg chg="mod">
            <ac:chgData name="Jonas Bratseth" userId="7880613d-1198-4bca-afa6-2725a9958330" providerId="ADAL" clId="{95DE8DB2-18F4-433B-B35C-C72863037E4B}" dt="2021-04-27T05:47:54.627" v="1450" actId="790"/>
            <ac:spMkLst>
              <pc:docMk/>
              <pc:sldMasterMk cId="1571303548" sldId="2147483672"/>
              <pc:sldLayoutMk cId="1587017909" sldId="2147483673"/>
              <ac:spMk id="7" creationId="{1EDC10EC-BA55-4582-BC51-54300AEE4C9D}"/>
            </ac:spMkLst>
          </pc:spChg>
          <pc:spChg chg="mod">
            <ac:chgData name="Jonas Bratseth" userId="7880613d-1198-4bca-afa6-2725a9958330" providerId="ADAL" clId="{95DE8DB2-18F4-433B-B35C-C72863037E4B}" dt="2021-04-27T05:59:44.613" v="2063"/>
            <ac:spMkLst>
              <pc:docMk/>
              <pc:sldMasterMk cId="1571303548" sldId="2147483672"/>
              <pc:sldLayoutMk cId="1587017909" sldId="2147483673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5:47:54.637" v="1454" actId="790"/>
            <ac:spMkLst>
              <pc:docMk/>
              <pc:sldMasterMk cId="1571303548" sldId="2147483672"/>
              <pc:sldLayoutMk cId="1587017909" sldId="2147483673"/>
              <ac:spMk id="11" creationId="{E9977C2C-E54D-42E2-8519-62F412D90FA8}"/>
            </ac:spMkLst>
          </pc:spChg>
          <pc:spChg chg="mod">
            <ac:chgData name="Jonas Bratseth" userId="7880613d-1198-4bca-afa6-2725a9958330" providerId="ADAL" clId="{95DE8DB2-18F4-433B-B35C-C72863037E4B}" dt="2021-04-27T05:59:43.843" v="2062"/>
            <ac:spMkLst>
              <pc:docMk/>
              <pc:sldMasterMk cId="1571303548" sldId="2147483672"/>
              <pc:sldLayoutMk cId="1587017909" sldId="2147483673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57.969" v="2128"/>
          <pc:sldLayoutMkLst>
            <pc:docMk/>
            <pc:sldMasterMk cId="1571303548" sldId="2147483672"/>
            <pc:sldLayoutMk cId="2387852940" sldId="2147483674"/>
          </pc:sldLayoutMkLst>
          <pc:spChg chg="mod">
            <ac:chgData name="Jonas Bratseth" userId="7880613d-1198-4bca-afa6-2725a9958330" providerId="ADAL" clId="{95DE8DB2-18F4-433B-B35C-C72863037E4B}" dt="2021-04-27T05:47:54.637" v="1455" actId="790"/>
            <ac:spMkLst>
              <pc:docMk/>
              <pc:sldMasterMk cId="1571303548" sldId="2147483672"/>
              <pc:sldLayoutMk cId="2387852940" sldId="2147483674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6:01:57.969" v="2128"/>
            <ac:spMkLst>
              <pc:docMk/>
              <pc:sldMasterMk cId="1571303548" sldId="2147483672"/>
              <pc:sldLayoutMk cId="2387852940" sldId="2147483674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637" v="1457" actId="790"/>
            <ac:spMkLst>
              <pc:docMk/>
              <pc:sldMasterMk cId="1571303548" sldId="2147483672"/>
              <pc:sldLayoutMk cId="2387852940" sldId="2147483674"/>
              <ac:spMk id="10" creationId="{21E2F243-8C06-4A1D-98D1-265080BF12EF}"/>
            </ac:spMkLst>
          </pc:spChg>
          <pc:spChg chg="mod">
            <ac:chgData name="Jonas Bratseth" userId="7880613d-1198-4bca-afa6-2725a9958330" providerId="ADAL" clId="{95DE8DB2-18F4-433B-B35C-C72863037E4B}" dt="2021-04-27T05:47:54.637" v="1458" actId="790"/>
            <ac:spMkLst>
              <pc:docMk/>
              <pc:sldMasterMk cId="1571303548" sldId="2147483672"/>
              <pc:sldLayoutMk cId="2387852940" sldId="2147483674"/>
              <ac:spMk id="13" creationId="{C2C17AF9-57CB-4DE8-8036-B61815EF180D}"/>
            </ac:spMkLst>
          </pc:spChg>
          <pc:spChg chg="mod">
            <ac:chgData name="Jonas Bratseth" userId="7880613d-1198-4bca-afa6-2725a9958330" providerId="ADAL" clId="{95DE8DB2-18F4-433B-B35C-C72863037E4B}" dt="2021-04-27T05:47:54.637" v="1459" actId="790"/>
            <ac:spMkLst>
              <pc:docMk/>
              <pc:sldMasterMk cId="1571303548" sldId="2147483672"/>
              <pc:sldLayoutMk cId="2387852940" sldId="2147483674"/>
              <ac:spMk id="14" creationId="{48480890-1B9B-4A9A-99C9-E0993415F7B5}"/>
            </ac:spMkLst>
          </pc:spChg>
          <pc:spChg chg="mod">
            <ac:chgData name="Jonas Bratseth" userId="7880613d-1198-4bca-afa6-2725a9958330" providerId="ADAL" clId="{95DE8DB2-18F4-433B-B35C-C72863037E4B}" dt="2021-04-27T05:59:46.683" v="2065"/>
            <ac:spMkLst>
              <pc:docMk/>
              <pc:sldMasterMk cId="1571303548" sldId="2147483672"/>
              <pc:sldLayoutMk cId="2387852940" sldId="2147483674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5:59:45.839" v="2064"/>
            <ac:spMkLst>
              <pc:docMk/>
              <pc:sldMasterMk cId="1571303548" sldId="2147483672"/>
              <pc:sldLayoutMk cId="2387852940" sldId="2147483674"/>
              <ac:spMk id="30" creationId="{4CC0A7DB-27EF-4BE8-93B0-2E99409AE43A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6:01:59.283" v="2129"/>
          <pc:sldLayoutMkLst>
            <pc:docMk/>
            <pc:sldMasterMk cId="1571303548" sldId="2147483672"/>
            <pc:sldLayoutMk cId="1779121861" sldId="2147483675"/>
          </pc:sldLayoutMkLst>
          <pc:spChg chg="del">
            <ac:chgData name="Jonas Bratseth" userId="7880613d-1198-4bca-afa6-2725a9958330" providerId="ADAL" clId="{95DE8DB2-18F4-433B-B35C-C72863037E4B}" dt="2021-04-26T08:48:19.800" v="168" actId="478"/>
            <ac:spMkLst>
              <pc:docMk/>
              <pc:sldMasterMk cId="1571303548" sldId="2147483672"/>
              <pc:sldLayoutMk cId="1779121861" sldId="2147483675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95DE8DB2-18F4-433B-B35C-C72863037E4B}" dt="2021-04-26T08:48:20.696" v="169" actId="478"/>
            <ac:spMkLst>
              <pc:docMk/>
              <pc:sldMasterMk cId="1571303548" sldId="2147483672"/>
              <pc:sldLayoutMk cId="1779121861" sldId="2147483675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637" v="1460" actId="790"/>
            <ac:spMkLst>
              <pc:docMk/>
              <pc:sldMasterMk cId="1571303548" sldId="2147483672"/>
              <pc:sldLayoutMk cId="1779121861" sldId="2147483675"/>
              <ac:spMk id="8" creationId="{3A9B36A6-D5A0-40FE-A730-776C70C5C38A}"/>
            </ac:spMkLst>
          </pc:spChg>
          <pc:spChg chg="add mod">
            <ac:chgData name="Jonas Bratseth" userId="7880613d-1198-4bca-afa6-2725a9958330" providerId="ADAL" clId="{95DE8DB2-18F4-433B-B35C-C72863037E4B}" dt="2021-04-27T05:47:54.637" v="1463" actId="790"/>
            <ac:spMkLst>
              <pc:docMk/>
              <pc:sldMasterMk cId="1571303548" sldId="2147483672"/>
              <pc:sldLayoutMk cId="1779121861" sldId="2147483675"/>
              <ac:spMk id="9" creationId="{BFB5DB71-C1DD-4930-9375-77110A36FC70}"/>
            </ac:spMkLst>
          </pc:spChg>
          <pc:spChg chg="add mod">
            <ac:chgData name="Jonas Bratseth" userId="7880613d-1198-4bca-afa6-2725a9958330" providerId="ADAL" clId="{95DE8DB2-18F4-433B-B35C-C72863037E4B}" dt="2021-04-27T06:01:59.283" v="2129"/>
            <ac:spMkLst>
              <pc:docMk/>
              <pc:sldMasterMk cId="1571303548" sldId="2147483672"/>
              <pc:sldLayoutMk cId="1779121861" sldId="2147483675"/>
              <ac:spMk id="10" creationId="{3877D101-C155-4CE3-A790-FE5FABD01A07}"/>
            </ac:spMkLst>
          </pc:spChg>
          <pc:spChg chg="add mod">
            <ac:chgData name="Jonas Bratseth" userId="7880613d-1198-4bca-afa6-2725a9958330" providerId="ADAL" clId="{95DE8DB2-18F4-433B-B35C-C72863037E4B}" dt="2021-04-27T05:47:54.645" v="1465" actId="790"/>
            <ac:spMkLst>
              <pc:docMk/>
              <pc:sldMasterMk cId="1571303548" sldId="2147483672"/>
              <pc:sldLayoutMk cId="1779121861" sldId="2147483675"/>
              <ac:spMk id="11" creationId="{5829B871-F985-4644-B08B-D8721B1CEDDC}"/>
            </ac:spMkLst>
          </pc:spChg>
          <pc:spChg chg="mod">
            <ac:chgData name="Jonas Bratseth" userId="7880613d-1198-4bca-afa6-2725a9958330" providerId="ADAL" clId="{95DE8DB2-18F4-433B-B35C-C72863037E4B}" dt="2021-04-27T05:47:54.637" v="1461" actId="790"/>
            <ac:spMkLst>
              <pc:docMk/>
              <pc:sldMasterMk cId="1571303548" sldId="2147483672"/>
              <pc:sldLayoutMk cId="1779121861" sldId="2147483675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637" v="1462" actId="790"/>
            <ac:spMkLst>
              <pc:docMk/>
              <pc:sldMasterMk cId="1571303548" sldId="2147483672"/>
              <pc:sldLayoutMk cId="1779121861" sldId="2147483675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16.683" v="1922"/>
          <pc:sldLayoutMkLst>
            <pc:docMk/>
            <pc:sldMasterMk cId="1571303548" sldId="2147483672"/>
            <pc:sldLayoutMk cId="2395835348" sldId="2147483676"/>
          </pc:sldLayoutMkLst>
          <pc:spChg chg="mod">
            <ac:chgData name="Jonas Bratseth" userId="7880613d-1198-4bca-afa6-2725a9958330" providerId="ADAL" clId="{95DE8DB2-18F4-433B-B35C-C72863037E4B}" dt="2021-04-27T05:56:16.683" v="1922"/>
            <ac:spMkLst>
              <pc:docMk/>
              <pc:sldMasterMk cId="1571303548" sldId="2147483672"/>
              <pc:sldLayoutMk cId="2395835348" sldId="214748367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47" v="1475" actId="790"/>
            <ac:spMkLst>
              <pc:docMk/>
              <pc:sldMasterMk cId="1571303548" sldId="2147483672"/>
              <pc:sldLayoutMk cId="2395835348" sldId="2147483676"/>
              <ac:spMk id="4" creationId="{739BBAFB-B206-4C11-94AA-CA89A2C7C53A}"/>
            </ac:spMkLst>
          </pc:spChg>
          <pc:spChg chg="mod">
            <ac:chgData name="Jonas Bratseth" userId="7880613d-1198-4bca-afa6-2725a9958330" providerId="ADAL" clId="{95DE8DB2-18F4-433B-B35C-C72863037E4B}" dt="2021-04-27T05:47:54.647" v="1471" actId="790"/>
            <ac:spMkLst>
              <pc:docMk/>
              <pc:sldMasterMk cId="1571303548" sldId="2147483672"/>
              <pc:sldLayoutMk cId="2395835348" sldId="2147483676"/>
              <ac:spMk id="8" creationId="{1563B9D7-E2D5-4EF8-A805-82E777AA0ACF}"/>
            </ac:spMkLst>
          </pc:spChg>
          <pc:spChg chg="mod">
            <ac:chgData name="Jonas Bratseth" userId="7880613d-1198-4bca-afa6-2725a9958330" providerId="ADAL" clId="{95DE8DB2-18F4-433B-B35C-C72863037E4B}" dt="2021-04-27T05:47:54.647" v="1473" actId="790"/>
            <ac:spMkLst>
              <pc:docMk/>
              <pc:sldMasterMk cId="1571303548" sldId="2147483672"/>
              <pc:sldLayoutMk cId="2395835348" sldId="2147483676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647" v="1474" actId="790"/>
            <ac:spMkLst>
              <pc:docMk/>
              <pc:sldMasterMk cId="1571303548" sldId="2147483672"/>
              <pc:sldLayoutMk cId="2395835348" sldId="2147483676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9:58.116" v="2079"/>
          <pc:sldLayoutMkLst>
            <pc:docMk/>
            <pc:sldMasterMk cId="1571303548" sldId="2147483672"/>
            <pc:sldLayoutMk cId="82399762" sldId="2147483677"/>
          </pc:sldLayoutMkLst>
          <pc:spChg chg="mod">
            <ac:chgData name="Jonas Bratseth" userId="7880613d-1198-4bca-afa6-2725a9958330" providerId="ADAL" clId="{95DE8DB2-18F4-433B-B35C-C72863037E4B}" dt="2021-04-27T05:56:17.574" v="1923"/>
            <ac:spMkLst>
              <pc:docMk/>
              <pc:sldMasterMk cId="1571303548" sldId="2147483672"/>
              <pc:sldLayoutMk cId="82399762" sldId="214748367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57" v="1478" actId="790"/>
            <ac:spMkLst>
              <pc:docMk/>
              <pc:sldMasterMk cId="1571303548" sldId="2147483672"/>
              <pc:sldLayoutMk cId="82399762" sldId="2147483677"/>
              <ac:spMk id="3" creationId="{0D93E16A-6125-4B01-9B97-3CA53DFF61AB}"/>
            </ac:spMkLst>
          </pc:spChg>
          <pc:spChg chg="mod">
            <ac:chgData name="Jonas Bratseth" userId="7880613d-1198-4bca-afa6-2725a9958330" providerId="ADAL" clId="{95DE8DB2-18F4-433B-B35C-C72863037E4B}" dt="2021-04-27T05:59:58.116" v="2079"/>
            <ac:spMkLst>
              <pc:docMk/>
              <pc:sldMasterMk cId="1571303548" sldId="2147483672"/>
              <pc:sldLayoutMk cId="82399762" sldId="2147483677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655" v="1476" actId="790"/>
            <ac:spMkLst>
              <pc:docMk/>
              <pc:sldMasterMk cId="1571303548" sldId="2147483672"/>
              <pc:sldLayoutMk cId="82399762" sldId="2147483677"/>
              <ac:spMk id="10" creationId="{A80C2787-E344-4FFD-8E3C-CFF5DB5A4D87}"/>
            </ac:spMkLst>
          </pc:spChg>
          <pc:spChg chg="mod">
            <ac:chgData name="Jonas Bratseth" userId="7880613d-1198-4bca-afa6-2725a9958330" providerId="ADAL" clId="{95DE8DB2-18F4-433B-B35C-C72863037E4B}" dt="2021-04-27T05:47:54.657" v="1479" actId="790"/>
            <ac:spMkLst>
              <pc:docMk/>
              <pc:sldMasterMk cId="1571303548" sldId="2147483672"/>
              <pc:sldLayoutMk cId="82399762" sldId="2147483677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659" v="1480" actId="790"/>
            <ac:spMkLst>
              <pc:docMk/>
              <pc:sldMasterMk cId="1571303548" sldId="2147483672"/>
              <pc:sldLayoutMk cId="82399762" sldId="2147483677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747" v="1579" actId="790"/>
          <pc:sldLayoutMkLst>
            <pc:docMk/>
            <pc:sldMasterMk cId="1571303548" sldId="2147483672"/>
            <pc:sldLayoutMk cId="2456596133" sldId="2147483679"/>
          </pc:sldLayoutMkLst>
          <pc:spChg chg="mod">
            <ac:chgData name="Jonas Bratseth" userId="7880613d-1198-4bca-afa6-2725a9958330" providerId="ADAL" clId="{95DE8DB2-18F4-433B-B35C-C72863037E4B}" dt="2021-04-27T05:47:54.747" v="1579" actId="790"/>
            <ac:spMkLst>
              <pc:docMk/>
              <pc:sldMasterMk cId="1571303548" sldId="2147483672"/>
              <pc:sldLayoutMk cId="2456596133" sldId="2147483679"/>
              <ac:spMk id="5" creationId="{04904180-C847-4FC0-9759-1956EECC4080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6:02:00.470" v="2130"/>
          <pc:sldLayoutMkLst>
            <pc:docMk/>
            <pc:sldMasterMk cId="1571303548" sldId="2147483672"/>
            <pc:sldLayoutMk cId="2523946378" sldId="2147483690"/>
          </pc:sldLayoutMkLst>
          <pc:spChg chg="del">
            <ac:chgData name="Jonas Bratseth" userId="7880613d-1198-4bca-afa6-2725a9958330" providerId="ADAL" clId="{95DE8DB2-18F4-433B-B35C-C72863037E4B}" dt="2021-04-26T08:48:25.019" v="171" actId="478"/>
            <ac:spMkLst>
              <pc:docMk/>
              <pc:sldMasterMk cId="1571303548" sldId="2147483672"/>
              <pc:sldLayoutMk cId="2523946378" sldId="2147483690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95DE8DB2-18F4-433B-B35C-C72863037E4B}" dt="2021-04-26T08:48:26.218" v="172" actId="478"/>
            <ac:spMkLst>
              <pc:docMk/>
              <pc:sldMasterMk cId="1571303548" sldId="2147483672"/>
              <pc:sldLayoutMk cId="2523946378" sldId="2147483690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59:53.873" v="2078" actId="20577"/>
            <ac:spMkLst>
              <pc:docMk/>
              <pc:sldMasterMk cId="1571303548" sldId="2147483672"/>
              <pc:sldLayoutMk cId="2523946378" sldId="2147483690"/>
              <ac:spMk id="5" creationId="{C596F089-CB50-4BB4-826E-0BA7AB0E2B43}"/>
            </ac:spMkLst>
          </pc:spChg>
          <pc:spChg chg="add mod">
            <ac:chgData name="Jonas Bratseth" userId="7880613d-1198-4bca-afa6-2725a9958330" providerId="ADAL" clId="{95DE8DB2-18F4-433B-B35C-C72863037E4B}" dt="2021-04-27T05:47:54.647" v="1468" actId="790"/>
            <ac:spMkLst>
              <pc:docMk/>
              <pc:sldMasterMk cId="1571303548" sldId="2147483672"/>
              <pc:sldLayoutMk cId="2523946378" sldId="2147483690"/>
              <ac:spMk id="8" creationId="{C0B59AD6-3508-4F42-9C80-39C7963E22B4}"/>
            </ac:spMkLst>
          </pc:spChg>
          <pc:spChg chg="add mod">
            <ac:chgData name="Jonas Bratseth" userId="7880613d-1198-4bca-afa6-2725a9958330" providerId="ADAL" clId="{95DE8DB2-18F4-433B-B35C-C72863037E4B}" dt="2021-04-27T06:02:00.470" v="2130"/>
            <ac:spMkLst>
              <pc:docMk/>
              <pc:sldMasterMk cId="1571303548" sldId="2147483672"/>
              <pc:sldLayoutMk cId="2523946378" sldId="2147483690"/>
              <ac:spMk id="9" creationId="{24CB31E7-8677-4295-9AC4-EB33ABD0BE25}"/>
            </ac:spMkLst>
          </pc:spChg>
          <pc:spChg chg="add mod">
            <ac:chgData name="Jonas Bratseth" userId="7880613d-1198-4bca-afa6-2725a9958330" providerId="ADAL" clId="{95DE8DB2-18F4-433B-B35C-C72863037E4B}" dt="2021-04-27T05:47:54.647" v="1470" actId="790"/>
            <ac:spMkLst>
              <pc:docMk/>
              <pc:sldMasterMk cId="1571303548" sldId="2147483672"/>
              <pc:sldLayoutMk cId="2523946378" sldId="2147483690"/>
              <ac:spMk id="10" creationId="{225B5471-2CB6-458D-B148-8C9390C26341}"/>
            </ac:spMkLst>
          </pc:spChg>
          <pc:spChg chg="mod">
            <ac:chgData name="Jonas Bratseth" userId="7880613d-1198-4bca-afa6-2725a9958330" providerId="ADAL" clId="{95DE8DB2-18F4-433B-B35C-C72863037E4B}" dt="2021-04-27T05:47:54.645" v="1466" actId="790"/>
            <ac:spMkLst>
              <pc:docMk/>
              <pc:sldMasterMk cId="1571303548" sldId="2147483672"/>
              <pc:sldLayoutMk cId="2523946378" sldId="2147483690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647" v="1467" actId="790"/>
            <ac:spMkLst>
              <pc:docMk/>
              <pc:sldMasterMk cId="1571303548" sldId="2147483672"/>
              <pc:sldLayoutMk cId="2523946378" sldId="2147483690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49.746" v="2223"/>
          <pc:sldLayoutMkLst>
            <pc:docMk/>
            <pc:sldMasterMk cId="1571303548" sldId="2147483672"/>
            <pc:sldLayoutMk cId="2486948816" sldId="2147483694"/>
          </pc:sldLayoutMkLst>
          <pc:spChg chg="mod">
            <ac:chgData name="Jonas Bratseth" userId="7880613d-1198-4bca-afa6-2725a9958330" providerId="ADAL" clId="{95DE8DB2-18F4-433B-B35C-C72863037E4B}" dt="2021-04-27T05:56:21.886" v="1926"/>
            <ac:spMkLst>
              <pc:docMk/>
              <pc:sldMasterMk cId="1571303548" sldId="2147483672"/>
              <pc:sldLayoutMk cId="2486948816" sldId="214748369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77" v="1499" actId="790"/>
            <ac:spMkLst>
              <pc:docMk/>
              <pc:sldMasterMk cId="1571303548" sldId="2147483672"/>
              <pc:sldLayoutMk cId="2486948816" sldId="2147483694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677" v="1497" actId="790"/>
            <ac:spMkLst>
              <pc:docMk/>
              <pc:sldMasterMk cId="1571303548" sldId="2147483672"/>
              <pc:sldLayoutMk cId="2486948816" sldId="2147483694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677" v="1498" actId="790"/>
            <ac:spMkLst>
              <pc:docMk/>
              <pc:sldMasterMk cId="1571303548" sldId="2147483672"/>
              <pc:sldLayoutMk cId="2486948816" sldId="2147483694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6:04:48.670" v="2221"/>
            <ac:spMkLst>
              <pc:docMk/>
              <pc:sldMasterMk cId="1571303548" sldId="2147483672"/>
              <pc:sldLayoutMk cId="2486948816" sldId="2147483694"/>
              <ac:spMk id="12" creationId="{2A44CEF8-AF52-40E1-914A-F5CFC6AF9CCE}"/>
            </ac:spMkLst>
          </pc:spChg>
          <pc:spChg chg="mod">
            <ac:chgData name="Jonas Bratseth" userId="7880613d-1198-4bca-afa6-2725a9958330" providerId="ADAL" clId="{95DE8DB2-18F4-433B-B35C-C72863037E4B}" dt="2021-04-27T05:47:54.671" v="1495" actId="790"/>
            <ac:spMkLst>
              <pc:docMk/>
              <pc:sldMasterMk cId="1571303548" sldId="2147483672"/>
              <pc:sldLayoutMk cId="2486948816" sldId="2147483694"/>
              <ac:spMk id="13" creationId="{D9705DC9-F24C-47F5-AF78-A4A2B830F9ED}"/>
            </ac:spMkLst>
          </pc:spChg>
          <pc:spChg chg="mod">
            <ac:chgData name="Jonas Bratseth" userId="7880613d-1198-4bca-afa6-2725a9958330" providerId="ADAL" clId="{95DE8DB2-18F4-433B-B35C-C72863037E4B}" dt="2021-04-27T06:04:49.174" v="2222"/>
            <ac:spMkLst>
              <pc:docMk/>
              <pc:sldMasterMk cId="1571303548" sldId="2147483672"/>
              <pc:sldLayoutMk cId="2486948816" sldId="2147483694"/>
              <ac:spMk id="14" creationId="{12564407-DFED-496B-AE4A-261A5B30866C}"/>
            </ac:spMkLst>
          </pc:spChg>
          <pc:spChg chg="mod">
            <ac:chgData name="Jonas Bratseth" userId="7880613d-1198-4bca-afa6-2725a9958330" providerId="ADAL" clId="{95DE8DB2-18F4-433B-B35C-C72863037E4B}" dt="2021-04-27T06:04:49.746" v="2223"/>
            <ac:spMkLst>
              <pc:docMk/>
              <pc:sldMasterMk cId="1571303548" sldId="2147483672"/>
              <pc:sldLayoutMk cId="2486948816" sldId="2147483694"/>
              <ac:spMk id="15" creationId="{F0E1FC8A-7D21-4C7C-87EA-26724AAC9BD5}"/>
            </ac:spMkLst>
          </pc:spChg>
          <pc:spChg chg="mod">
            <ac:chgData name="Jonas Bratseth" userId="7880613d-1198-4bca-afa6-2725a9958330" providerId="ADAL" clId="{95DE8DB2-18F4-433B-B35C-C72863037E4B}" dt="2021-04-27T05:47:54.677" v="1500" actId="790"/>
            <ac:spMkLst>
              <pc:docMk/>
              <pc:sldMasterMk cId="1571303548" sldId="2147483672"/>
              <pc:sldLayoutMk cId="2486948816" sldId="2147483694"/>
              <ac:spMk id="17" creationId="{6539C2E9-4526-4131-81FA-4EE7EC8F8E02}"/>
            </ac:spMkLst>
          </pc:spChg>
          <pc:spChg chg="mod">
            <ac:chgData name="Jonas Bratseth" userId="7880613d-1198-4bca-afa6-2725a9958330" providerId="ADAL" clId="{95DE8DB2-18F4-433B-B35C-C72863037E4B}" dt="2021-04-27T05:47:54.677" v="1501" actId="790"/>
            <ac:spMkLst>
              <pc:docMk/>
              <pc:sldMasterMk cId="1571303548" sldId="2147483672"/>
              <pc:sldLayoutMk cId="2486948816" sldId="2147483694"/>
              <ac:spMk id="18" creationId="{B06B10B9-1BC9-44F1-8E43-97FD582B5B90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30.123" v="1933"/>
          <pc:sldLayoutMkLst>
            <pc:docMk/>
            <pc:sldMasterMk cId="1571303548" sldId="2147483672"/>
            <pc:sldLayoutMk cId="1706378664" sldId="2147483701"/>
          </pc:sldLayoutMkLst>
          <pc:spChg chg="mod">
            <ac:chgData name="Jonas Bratseth" userId="7880613d-1198-4bca-afa6-2725a9958330" providerId="ADAL" clId="{95DE8DB2-18F4-433B-B35C-C72863037E4B}" dt="2021-04-27T05:56:30.123" v="1933"/>
            <ac:spMkLst>
              <pc:docMk/>
              <pc:sldMasterMk cId="1571303548" sldId="2147483672"/>
              <pc:sldLayoutMk cId="1706378664" sldId="214748370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47" v="1577" actId="790"/>
            <ac:spMkLst>
              <pc:docMk/>
              <pc:sldMasterMk cId="1571303548" sldId="2147483672"/>
              <pc:sldLayoutMk cId="1706378664" sldId="2147483701"/>
              <ac:spMk id="6" creationId="{5377D4D7-BF7F-4B6E-9320-5A9A4170B255}"/>
            </ac:spMkLst>
          </pc:spChg>
          <pc:spChg chg="mod">
            <ac:chgData name="Jonas Bratseth" userId="7880613d-1198-4bca-afa6-2725a9958330" providerId="ADAL" clId="{95DE8DB2-18F4-433B-B35C-C72863037E4B}" dt="2021-04-27T05:47:54.747" v="1578" actId="790"/>
            <ac:spMkLst>
              <pc:docMk/>
              <pc:sldMasterMk cId="1571303548" sldId="2147483672"/>
              <pc:sldLayoutMk cId="1706378664" sldId="2147483701"/>
              <ac:spMk id="7" creationId="{D31FBA88-0D81-4ADC-A8B5-4D82F01D1352}"/>
            </ac:spMkLst>
          </pc:spChg>
          <pc:spChg chg="mod">
            <ac:chgData name="Jonas Bratseth" userId="7880613d-1198-4bca-afa6-2725a9958330" providerId="ADAL" clId="{95DE8DB2-18F4-433B-B35C-C72863037E4B}" dt="2021-04-27T05:47:54.747" v="1575" actId="790"/>
            <ac:spMkLst>
              <pc:docMk/>
              <pc:sldMasterMk cId="1571303548" sldId="2147483672"/>
              <pc:sldLayoutMk cId="1706378664" sldId="2147483701"/>
              <ac:spMk id="8" creationId="{BA9D6265-6AC9-4D3E-A728-0EB4D2DB769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53.306" v="2227"/>
          <pc:sldLayoutMkLst>
            <pc:docMk/>
            <pc:sldMasterMk cId="1571303548" sldId="2147483672"/>
            <pc:sldLayoutMk cId="2129478693" sldId="2147483724"/>
          </pc:sldLayoutMkLst>
          <pc:spChg chg="mod">
            <ac:chgData name="Jonas Bratseth" userId="7880613d-1198-4bca-afa6-2725a9958330" providerId="ADAL" clId="{95DE8DB2-18F4-433B-B35C-C72863037E4B}" dt="2021-04-27T05:56:23.012" v="1927"/>
            <ac:spMkLst>
              <pc:docMk/>
              <pc:sldMasterMk cId="1571303548" sldId="2147483672"/>
              <pc:sldLayoutMk cId="2129478693" sldId="214748372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50.948" v="2224"/>
            <ac:spMkLst>
              <pc:docMk/>
              <pc:sldMasterMk cId="1571303548" sldId="2147483672"/>
              <pc:sldLayoutMk cId="2129478693" sldId="2147483724"/>
              <ac:spMk id="14" creationId="{A524513D-6FF7-48BC-BAE3-8E542DF29263}"/>
            </ac:spMkLst>
          </pc:spChg>
          <pc:spChg chg="mod">
            <ac:chgData name="Jonas Bratseth" userId="7880613d-1198-4bca-afa6-2725a9958330" providerId="ADAL" clId="{95DE8DB2-18F4-433B-B35C-C72863037E4B}" dt="2021-04-27T05:47:54.685" v="1505" actId="790"/>
            <ac:spMkLst>
              <pc:docMk/>
              <pc:sldMasterMk cId="1571303548" sldId="2147483672"/>
              <pc:sldLayoutMk cId="2129478693" sldId="2147483724"/>
              <ac:spMk id="15" creationId="{E0DF8A73-4CDA-4FFD-B8F2-615BBD39F75E}"/>
            </ac:spMkLst>
          </pc:spChg>
          <pc:spChg chg="mod">
            <ac:chgData name="Jonas Bratseth" userId="7880613d-1198-4bca-afa6-2725a9958330" providerId="ADAL" clId="{95DE8DB2-18F4-433B-B35C-C72863037E4B}" dt="2021-04-27T06:04:51.534" v="2225"/>
            <ac:spMkLst>
              <pc:docMk/>
              <pc:sldMasterMk cId="1571303548" sldId="2147483672"/>
              <pc:sldLayoutMk cId="2129478693" sldId="2147483724"/>
              <ac:spMk id="17" creationId="{04BAAE9A-D91F-45CB-A264-9BD8266ECE69}"/>
            </ac:spMkLst>
          </pc:spChg>
          <pc:spChg chg="mod">
            <ac:chgData name="Jonas Bratseth" userId="7880613d-1198-4bca-afa6-2725a9958330" providerId="ADAL" clId="{95DE8DB2-18F4-433B-B35C-C72863037E4B}" dt="2021-04-27T05:47:54.687" v="1507" actId="790"/>
            <ac:spMkLst>
              <pc:docMk/>
              <pc:sldMasterMk cId="1571303548" sldId="2147483672"/>
              <pc:sldLayoutMk cId="2129478693" sldId="2147483724"/>
              <ac:spMk id="19" creationId="{919B3BBC-3D41-4921-8659-202A8101495E}"/>
            </ac:spMkLst>
          </pc:spChg>
          <pc:spChg chg="mod">
            <ac:chgData name="Jonas Bratseth" userId="7880613d-1198-4bca-afa6-2725a9958330" providerId="ADAL" clId="{95DE8DB2-18F4-433B-B35C-C72863037E4B}" dt="2021-04-27T05:47:54.687" v="1508" actId="790"/>
            <ac:spMkLst>
              <pc:docMk/>
              <pc:sldMasterMk cId="1571303548" sldId="2147483672"/>
              <pc:sldLayoutMk cId="2129478693" sldId="2147483724"/>
              <ac:spMk id="20" creationId="{261063B8-8B1C-473D-BF7A-138131F03E62}"/>
            </ac:spMkLst>
          </pc:spChg>
          <pc:spChg chg="mod">
            <ac:chgData name="Jonas Bratseth" userId="7880613d-1198-4bca-afa6-2725a9958330" providerId="ADAL" clId="{95DE8DB2-18F4-433B-B35C-C72863037E4B}" dt="2021-04-27T06:04:52.819" v="2226"/>
            <ac:spMkLst>
              <pc:docMk/>
              <pc:sldMasterMk cId="1571303548" sldId="2147483672"/>
              <pc:sldLayoutMk cId="2129478693" sldId="2147483724"/>
              <ac:spMk id="21" creationId="{EBEE8363-A38B-40A1-A806-BF744171A874}"/>
            </ac:spMkLst>
          </pc:spChg>
          <pc:spChg chg="mod">
            <ac:chgData name="Jonas Bratseth" userId="7880613d-1198-4bca-afa6-2725a9958330" providerId="ADAL" clId="{95DE8DB2-18F4-433B-B35C-C72863037E4B}" dt="2021-04-27T06:04:53.306" v="2227"/>
            <ac:spMkLst>
              <pc:docMk/>
              <pc:sldMasterMk cId="1571303548" sldId="2147483672"/>
              <pc:sldLayoutMk cId="2129478693" sldId="2147483724"/>
              <ac:spMk id="22" creationId="{628F7A08-CB5B-4472-9776-01604FD6315E}"/>
            </ac:spMkLst>
          </pc:spChg>
          <pc:spChg chg="mod">
            <ac:chgData name="Jonas Bratseth" userId="7880613d-1198-4bca-afa6-2725a9958330" providerId="ADAL" clId="{95DE8DB2-18F4-433B-B35C-C72863037E4B}" dt="2021-04-27T05:47:54.687" v="1513" actId="790"/>
            <ac:spMkLst>
              <pc:docMk/>
              <pc:sldMasterMk cId="1571303548" sldId="2147483672"/>
              <pc:sldLayoutMk cId="2129478693" sldId="2147483724"/>
              <ac:spMk id="23" creationId="{2B55B6B1-E6F5-4B52-A25A-FD59A13B7DBF}"/>
            </ac:spMkLst>
          </pc:spChg>
          <pc:spChg chg="mod">
            <ac:chgData name="Jonas Bratseth" userId="7880613d-1198-4bca-afa6-2725a9958330" providerId="ADAL" clId="{95DE8DB2-18F4-433B-B35C-C72863037E4B}" dt="2021-04-27T05:47:54.687" v="1514" actId="790"/>
            <ac:spMkLst>
              <pc:docMk/>
              <pc:sldMasterMk cId="1571303548" sldId="2147483672"/>
              <pc:sldLayoutMk cId="2129478693" sldId="2147483724"/>
              <ac:spMk id="24" creationId="{75D3A50D-E2FF-43E9-8059-02FE56F7BB43}"/>
            </ac:spMkLst>
          </pc:spChg>
          <pc:spChg chg="mod">
            <ac:chgData name="Jonas Bratseth" userId="7880613d-1198-4bca-afa6-2725a9958330" providerId="ADAL" clId="{95DE8DB2-18F4-433B-B35C-C72863037E4B}" dt="2021-04-27T05:47:54.695" v="1515" actId="790"/>
            <ac:spMkLst>
              <pc:docMk/>
              <pc:sldMasterMk cId="1571303548" sldId="2147483672"/>
              <pc:sldLayoutMk cId="2129478693" sldId="2147483724"/>
              <ac:spMk id="25" creationId="{16E2E545-4D2A-473F-A0F8-28ACC650132D}"/>
            </ac:spMkLst>
          </pc:spChg>
          <pc:spChg chg="mod">
            <ac:chgData name="Jonas Bratseth" userId="7880613d-1198-4bca-afa6-2725a9958330" providerId="ADAL" clId="{95DE8DB2-18F4-433B-B35C-C72863037E4B}" dt="2021-04-27T05:47:54.697" v="1516" actId="790"/>
            <ac:spMkLst>
              <pc:docMk/>
              <pc:sldMasterMk cId="1571303548" sldId="2147483672"/>
              <pc:sldLayoutMk cId="2129478693" sldId="2147483724"/>
              <ac:spMk id="26" creationId="{A521A450-07FA-499D-947D-F138D5782B9C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24.189" v="1928"/>
          <pc:sldLayoutMkLst>
            <pc:docMk/>
            <pc:sldMasterMk cId="1571303548" sldId="2147483672"/>
            <pc:sldLayoutMk cId="1061812311" sldId="2147483725"/>
          </pc:sldLayoutMkLst>
          <pc:spChg chg="mod">
            <ac:chgData name="Jonas Bratseth" userId="7880613d-1198-4bca-afa6-2725a9958330" providerId="ADAL" clId="{95DE8DB2-18F4-433B-B35C-C72863037E4B}" dt="2021-04-27T05:56:24.189" v="1928"/>
            <ac:spMkLst>
              <pc:docMk/>
              <pc:sldMasterMk cId="1571303548" sldId="2147483672"/>
              <pc:sldLayoutMk cId="1061812311" sldId="214748372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97" v="1517" actId="790"/>
            <ac:spMkLst>
              <pc:docMk/>
              <pc:sldMasterMk cId="1571303548" sldId="2147483672"/>
              <pc:sldLayoutMk cId="1061812311" sldId="2147483725"/>
              <ac:spMk id="16" creationId="{DADAD05F-A24D-44A2-9A5C-C155B948CC83}"/>
            </ac:spMkLst>
          </pc:spChg>
          <pc:spChg chg="mod">
            <ac:chgData name="Jonas Bratseth" userId="7880613d-1198-4bca-afa6-2725a9958330" providerId="ADAL" clId="{95DE8DB2-18F4-433B-B35C-C72863037E4B}" dt="2021-04-27T05:47:54.697" v="1521" actId="790"/>
            <ac:spMkLst>
              <pc:docMk/>
              <pc:sldMasterMk cId="1571303548" sldId="2147483672"/>
              <pc:sldLayoutMk cId="1061812311" sldId="2147483725"/>
              <ac:spMk id="17" creationId="{388A12CA-B6AC-434A-A34A-382A896B507B}"/>
            </ac:spMkLst>
          </pc:spChg>
          <pc:spChg chg="mod">
            <ac:chgData name="Jonas Bratseth" userId="7880613d-1198-4bca-afa6-2725a9958330" providerId="ADAL" clId="{95DE8DB2-18F4-433B-B35C-C72863037E4B}" dt="2021-04-27T05:47:54.697" v="1522" actId="790"/>
            <ac:spMkLst>
              <pc:docMk/>
              <pc:sldMasterMk cId="1571303548" sldId="2147483672"/>
              <pc:sldLayoutMk cId="1061812311" sldId="2147483725"/>
              <ac:spMk id="18" creationId="{02F0DE9F-DCE0-402C-8968-B30304957396}"/>
            </ac:spMkLst>
          </pc:spChg>
          <pc:spChg chg="mod">
            <ac:chgData name="Jonas Bratseth" userId="7880613d-1198-4bca-afa6-2725a9958330" providerId="ADAL" clId="{95DE8DB2-18F4-433B-B35C-C72863037E4B}" dt="2021-04-27T05:47:54.697" v="1523" actId="790"/>
            <ac:spMkLst>
              <pc:docMk/>
              <pc:sldMasterMk cId="1571303548" sldId="2147483672"/>
              <pc:sldLayoutMk cId="1061812311" sldId="2147483725"/>
              <ac:spMk id="19" creationId="{AE057EF5-1196-4727-A351-44BE722F0A81}"/>
            </ac:spMkLst>
          </pc:spChg>
          <pc:spChg chg="mod">
            <ac:chgData name="Jonas Bratseth" userId="7880613d-1198-4bca-afa6-2725a9958330" providerId="ADAL" clId="{95DE8DB2-18F4-433B-B35C-C72863037E4B}" dt="2021-04-27T05:47:54.697" v="1519" actId="790"/>
            <ac:spMkLst>
              <pc:docMk/>
              <pc:sldMasterMk cId="1571303548" sldId="2147483672"/>
              <pc:sldLayoutMk cId="1061812311" sldId="2147483725"/>
              <ac:spMk id="21" creationId="{1B66DEC5-A299-4233-BF59-D0200E69FC4B}"/>
            </ac:spMkLst>
          </pc:spChg>
          <pc:spChg chg="mod">
            <ac:chgData name="Jonas Bratseth" userId="7880613d-1198-4bca-afa6-2725a9958330" providerId="ADAL" clId="{95DE8DB2-18F4-433B-B35C-C72863037E4B}" dt="2021-04-27T05:47:54.697" v="1520" actId="790"/>
            <ac:spMkLst>
              <pc:docMk/>
              <pc:sldMasterMk cId="1571303548" sldId="2147483672"/>
              <pc:sldLayoutMk cId="1061812311" sldId="2147483725"/>
              <ac:spMk id="22" creationId="{36E6D055-A78F-43F7-99EB-B44D7879B8CF}"/>
            </ac:spMkLst>
          </pc:spChg>
          <pc:spChg chg="mod">
            <ac:chgData name="Jonas Bratseth" userId="7880613d-1198-4bca-afa6-2725a9958330" providerId="ADAL" clId="{95DE8DB2-18F4-433B-B35C-C72863037E4B}" dt="2021-04-27T05:47:54.697" v="1524" actId="790"/>
            <ac:spMkLst>
              <pc:docMk/>
              <pc:sldMasterMk cId="1571303548" sldId="2147483672"/>
              <pc:sldLayoutMk cId="1061812311" sldId="2147483725"/>
              <ac:spMk id="23" creationId="{B59B51DE-542A-442E-B679-6642A870CE00}"/>
            </ac:spMkLst>
          </pc:spChg>
          <pc:spChg chg="mod">
            <ac:chgData name="Jonas Bratseth" userId="7880613d-1198-4bca-afa6-2725a9958330" providerId="ADAL" clId="{95DE8DB2-18F4-433B-B35C-C72863037E4B}" dt="2021-04-27T05:47:54.697" v="1525" actId="790"/>
            <ac:spMkLst>
              <pc:docMk/>
              <pc:sldMasterMk cId="1571303548" sldId="2147483672"/>
              <pc:sldLayoutMk cId="1061812311" sldId="2147483725"/>
              <ac:spMk id="24" creationId="{9B89C9B0-02D8-48FF-A616-ACAF8B8E5D2B}"/>
            </ac:spMkLst>
          </pc:spChg>
          <pc:spChg chg="mod">
            <ac:chgData name="Jonas Bratseth" userId="7880613d-1198-4bca-afa6-2725a9958330" providerId="ADAL" clId="{95DE8DB2-18F4-433B-B35C-C72863037E4B}" dt="2021-04-27T05:47:54.706" v="1526" actId="790"/>
            <ac:spMkLst>
              <pc:docMk/>
              <pc:sldMasterMk cId="1571303548" sldId="2147483672"/>
              <pc:sldLayoutMk cId="1061812311" sldId="2147483725"/>
              <ac:spMk id="25" creationId="{4D172A04-205A-49F8-9A9E-DEB31E7D6E50}"/>
            </ac:spMkLst>
          </pc:spChg>
          <pc:spChg chg="mod">
            <ac:chgData name="Jonas Bratseth" userId="7880613d-1198-4bca-afa6-2725a9958330" providerId="ADAL" clId="{95DE8DB2-18F4-433B-B35C-C72863037E4B}" dt="2021-04-27T05:47:54.707" v="1527" actId="790"/>
            <ac:spMkLst>
              <pc:docMk/>
              <pc:sldMasterMk cId="1571303548" sldId="2147483672"/>
              <pc:sldLayoutMk cId="1061812311" sldId="2147483725"/>
              <ac:spMk id="26" creationId="{10D119EE-F4E6-4C79-AB30-AA8CC8A192B9}"/>
            </ac:spMkLst>
          </pc:spChg>
          <pc:spChg chg="mod">
            <ac:chgData name="Jonas Bratseth" userId="7880613d-1198-4bca-afa6-2725a9958330" providerId="ADAL" clId="{95DE8DB2-18F4-433B-B35C-C72863037E4B}" dt="2021-04-27T05:47:54.707" v="1528" actId="790"/>
            <ac:spMkLst>
              <pc:docMk/>
              <pc:sldMasterMk cId="1571303548" sldId="2147483672"/>
              <pc:sldLayoutMk cId="1061812311" sldId="2147483725"/>
              <ac:spMk id="27" creationId="{D108FA76-49DF-4930-BE24-E6EECCB05061}"/>
            </ac:spMkLst>
          </pc:spChg>
          <pc:spChg chg="mod">
            <ac:chgData name="Jonas Bratseth" userId="7880613d-1198-4bca-afa6-2725a9958330" providerId="ADAL" clId="{95DE8DB2-18F4-433B-B35C-C72863037E4B}" dt="2021-04-27T05:47:54.707" v="1529" actId="790"/>
            <ac:spMkLst>
              <pc:docMk/>
              <pc:sldMasterMk cId="1571303548" sldId="2147483672"/>
              <pc:sldLayoutMk cId="1061812311" sldId="2147483725"/>
              <ac:spMk id="28" creationId="{13C3BE62-33C9-4E17-9F44-9DA892439753}"/>
            </ac:spMkLst>
          </pc:spChg>
          <pc:spChg chg="mod">
            <ac:chgData name="Jonas Bratseth" userId="7880613d-1198-4bca-afa6-2725a9958330" providerId="ADAL" clId="{95DE8DB2-18F4-433B-B35C-C72863037E4B}" dt="2021-04-27T05:47:54.707" v="1530" actId="790"/>
            <ac:spMkLst>
              <pc:docMk/>
              <pc:sldMasterMk cId="1571303548" sldId="2147483672"/>
              <pc:sldLayoutMk cId="1061812311" sldId="2147483725"/>
              <ac:spMk id="29" creationId="{C9C9F064-2396-4E8A-97DF-16AFC36785A2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19.208" v="1924"/>
          <pc:sldLayoutMkLst>
            <pc:docMk/>
            <pc:sldMasterMk cId="1571303548" sldId="2147483672"/>
            <pc:sldLayoutMk cId="3897780765" sldId="2147483738"/>
          </pc:sldLayoutMkLst>
          <pc:spChg chg="mod">
            <ac:chgData name="Jonas Bratseth" userId="7880613d-1198-4bca-afa6-2725a9958330" providerId="ADAL" clId="{95DE8DB2-18F4-433B-B35C-C72863037E4B}" dt="2021-04-27T05:56:19.208" v="1924"/>
            <ac:spMkLst>
              <pc:docMk/>
              <pc:sldMasterMk cId="1571303548" sldId="2147483672"/>
              <pc:sldLayoutMk cId="3897780765" sldId="2147483738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65" v="1485" actId="790"/>
            <ac:spMkLst>
              <pc:docMk/>
              <pc:sldMasterMk cId="1571303548" sldId="2147483672"/>
              <pc:sldLayoutMk cId="3897780765" sldId="2147483738"/>
              <ac:spMk id="7" creationId="{F444DAB5-754B-4A6F-B710-754439ADFDD0}"/>
            </ac:spMkLst>
          </pc:spChg>
          <pc:spChg chg="mod">
            <ac:chgData name="Jonas Bratseth" userId="7880613d-1198-4bca-afa6-2725a9958330" providerId="ADAL" clId="{95DE8DB2-18F4-433B-B35C-C72863037E4B}" dt="2021-04-27T05:47:54.666" v="1486" actId="790"/>
            <ac:spMkLst>
              <pc:docMk/>
              <pc:sldMasterMk cId="1571303548" sldId="2147483672"/>
              <pc:sldLayoutMk cId="3897780765" sldId="2147483738"/>
              <ac:spMk id="8" creationId="{3A8F863F-3ACF-4957-A9A6-A89D8AA0A874}"/>
            </ac:spMkLst>
          </pc:spChg>
          <pc:spChg chg="mod">
            <ac:chgData name="Jonas Bratseth" userId="7880613d-1198-4bca-afa6-2725a9958330" providerId="ADAL" clId="{95DE8DB2-18F4-433B-B35C-C72863037E4B}" dt="2021-04-27T05:47:54.662" v="1483" actId="790"/>
            <ac:spMkLst>
              <pc:docMk/>
              <pc:sldMasterMk cId="1571303548" sldId="2147483672"/>
              <pc:sldLayoutMk cId="3897780765" sldId="2147483738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660" v="1481" actId="790"/>
            <ac:spMkLst>
              <pc:docMk/>
              <pc:sldMasterMk cId="1571303548" sldId="2147483672"/>
              <pc:sldLayoutMk cId="3897780765" sldId="2147483738"/>
              <ac:spMk id="10" creationId="{7D41370C-E589-4668-846B-AACA35D2E09D}"/>
            </ac:spMkLst>
          </pc:spChg>
          <pc:spChg chg="mod">
            <ac:chgData name="Jonas Bratseth" userId="7880613d-1198-4bca-afa6-2725a9958330" providerId="ADAL" clId="{95DE8DB2-18F4-433B-B35C-C72863037E4B}" dt="2021-04-27T05:47:54.664" v="1484" actId="790"/>
            <ac:spMkLst>
              <pc:docMk/>
              <pc:sldMasterMk cId="1571303548" sldId="2147483672"/>
              <pc:sldLayoutMk cId="3897780765" sldId="2147483738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47.512" v="2220"/>
          <pc:sldLayoutMkLst>
            <pc:docMk/>
            <pc:sldMasterMk cId="1571303548" sldId="2147483672"/>
            <pc:sldLayoutMk cId="1343069216" sldId="2147483739"/>
          </pc:sldLayoutMkLst>
          <pc:spChg chg="mod">
            <ac:chgData name="Jonas Bratseth" userId="7880613d-1198-4bca-afa6-2725a9958330" providerId="ADAL" clId="{95DE8DB2-18F4-433B-B35C-C72863037E4B}" dt="2021-04-27T05:56:20.509" v="1925"/>
            <ac:spMkLst>
              <pc:docMk/>
              <pc:sldMasterMk cId="1571303548" sldId="2147483672"/>
              <pc:sldLayoutMk cId="1343069216" sldId="214748373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671" v="1490" actId="790"/>
            <ac:spMkLst>
              <pc:docMk/>
              <pc:sldMasterMk cId="1571303548" sldId="2147483672"/>
              <pc:sldLayoutMk cId="1343069216" sldId="2147483739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669" v="1489" actId="790"/>
            <ac:spMkLst>
              <pc:docMk/>
              <pc:sldMasterMk cId="1571303548" sldId="2147483672"/>
              <pc:sldLayoutMk cId="1343069216" sldId="2147483739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671" v="1491" actId="790"/>
            <ac:spMkLst>
              <pc:docMk/>
              <pc:sldMasterMk cId="1571303548" sldId="2147483672"/>
              <pc:sldLayoutMk cId="1343069216" sldId="2147483739"/>
              <ac:spMk id="11" creationId="{A438A2C9-456E-4D4E-94D6-AED12A02C14C}"/>
            </ac:spMkLst>
          </pc:spChg>
          <pc:spChg chg="mod">
            <ac:chgData name="Jonas Bratseth" userId="7880613d-1198-4bca-afa6-2725a9958330" providerId="ADAL" clId="{95DE8DB2-18F4-433B-B35C-C72863037E4B}" dt="2021-04-27T05:47:54.671" v="1492" actId="790"/>
            <ac:spMkLst>
              <pc:docMk/>
              <pc:sldMasterMk cId="1571303548" sldId="2147483672"/>
              <pc:sldLayoutMk cId="1343069216" sldId="2147483739"/>
              <ac:spMk id="12" creationId="{0EE22A6A-0A3A-4F38-94A9-28038AC019E0}"/>
            </ac:spMkLst>
          </pc:spChg>
          <pc:spChg chg="mod">
            <ac:chgData name="Jonas Bratseth" userId="7880613d-1198-4bca-afa6-2725a9958330" providerId="ADAL" clId="{95DE8DB2-18F4-433B-B35C-C72863037E4B}" dt="2021-04-27T05:47:54.667" v="1487" actId="790"/>
            <ac:spMkLst>
              <pc:docMk/>
              <pc:sldMasterMk cId="1571303548" sldId="2147483672"/>
              <pc:sldLayoutMk cId="1343069216" sldId="2147483739"/>
              <ac:spMk id="13" creationId="{81F69D9F-35F2-4ACE-B644-BC3EC1B4882C}"/>
            </ac:spMkLst>
          </pc:spChg>
          <pc:spChg chg="mod">
            <ac:chgData name="Jonas Bratseth" userId="7880613d-1198-4bca-afa6-2725a9958330" providerId="ADAL" clId="{95DE8DB2-18F4-433B-B35C-C72863037E4B}" dt="2021-04-27T06:04:46.911" v="2219"/>
            <ac:spMkLst>
              <pc:docMk/>
              <pc:sldMasterMk cId="1571303548" sldId="2147483672"/>
              <pc:sldLayoutMk cId="1343069216" sldId="2147483739"/>
              <ac:spMk id="14" creationId="{AC445AE6-D7DD-47D9-BF73-D0DA45501ED6}"/>
            </ac:spMkLst>
          </pc:spChg>
          <pc:spChg chg="mod">
            <ac:chgData name="Jonas Bratseth" userId="7880613d-1198-4bca-afa6-2725a9958330" providerId="ADAL" clId="{95DE8DB2-18F4-433B-B35C-C72863037E4B}" dt="2021-04-27T06:04:47.512" v="2220"/>
            <ac:spMkLst>
              <pc:docMk/>
              <pc:sldMasterMk cId="1571303548" sldId="2147483672"/>
              <pc:sldLayoutMk cId="1343069216" sldId="2147483739"/>
              <ac:spMk id="15" creationId="{D5517287-395C-4EAB-AF50-F5A4965FBBE5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25.445" v="1929"/>
          <pc:sldLayoutMkLst>
            <pc:docMk/>
            <pc:sldMasterMk cId="1571303548" sldId="2147483672"/>
            <pc:sldLayoutMk cId="908257773" sldId="2147483740"/>
          </pc:sldLayoutMkLst>
          <pc:spChg chg="mod">
            <ac:chgData name="Jonas Bratseth" userId="7880613d-1198-4bca-afa6-2725a9958330" providerId="ADAL" clId="{95DE8DB2-18F4-433B-B35C-C72863037E4B}" dt="2021-04-27T05:56:25.445" v="1929"/>
            <ac:spMkLst>
              <pc:docMk/>
              <pc:sldMasterMk cId="1571303548" sldId="2147483672"/>
              <pc:sldLayoutMk cId="908257773" sldId="2147483740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17" v="1533" actId="790"/>
            <ac:spMkLst>
              <pc:docMk/>
              <pc:sldMasterMk cId="1571303548" sldId="2147483672"/>
              <pc:sldLayoutMk cId="908257773" sldId="2147483740"/>
              <ac:spMk id="10" creationId="{47B43333-FEED-49FB-BE24-313277381374}"/>
            </ac:spMkLst>
          </pc:spChg>
          <pc:spChg chg="mod">
            <ac:chgData name="Jonas Bratseth" userId="7880613d-1198-4bca-afa6-2725a9958330" providerId="ADAL" clId="{95DE8DB2-18F4-433B-B35C-C72863037E4B}" dt="2021-04-27T05:47:54.717" v="1534" actId="790"/>
            <ac:spMkLst>
              <pc:docMk/>
              <pc:sldMasterMk cId="1571303548" sldId="2147483672"/>
              <pc:sldLayoutMk cId="908257773" sldId="2147483740"/>
              <ac:spMk id="11" creationId="{2FD57A55-73BA-450A-9273-24975A7F5ED6}"/>
            </ac:spMkLst>
          </pc:spChg>
          <pc:spChg chg="mod">
            <ac:chgData name="Jonas Bratseth" userId="7880613d-1198-4bca-afa6-2725a9958330" providerId="ADAL" clId="{95DE8DB2-18F4-433B-B35C-C72863037E4B}" dt="2021-04-27T05:47:54.717" v="1535" actId="790"/>
            <ac:spMkLst>
              <pc:docMk/>
              <pc:sldMasterMk cId="1571303548" sldId="2147483672"/>
              <pc:sldLayoutMk cId="908257773" sldId="2147483740"/>
              <ac:spMk id="12" creationId="{72CEB43A-FAE8-4C46-B9C4-7DF1086D0C26}"/>
            </ac:spMkLst>
          </pc:spChg>
          <pc:spChg chg="mod">
            <ac:chgData name="Jonas Bratseth" userId="7880613d-1198-4bca-afa6-2725a9958330" providerId="ADAL" clId="{95DE8DB2-18F4-433B-B35C-C72863037E4B}" dt="2021-04-27T05:47:54.717" v="1536" actId="790"/>
            <ac:spMkLst>
              <pc:docMk/>
              <pc:sldMasterMk cId="1571303548" sldId="2147483672"/>
              <pc:sldLayoutMk cId="908257773" sldId="2147483740"/>
              <ac:spMk id="13" creationId="{09E6B0B1-FB2E-4C05-902A-47D031174D69}"/>
            </ac:spMkLst>
          </pc:spChg>
          <pc:spChg chg="mod">
            <ac:chgData name="Jonas Bratseth" userId="7880613d-1198-4bca-afa6-2725a9958330" providerId="ADAL" clId="{95DE8DB2-18F4-433B-B35C-C72863037E4B}" dt="2021-04-27T05:47:54.715" v="1531" actId="790"/>
            <ac:spMkLst>
              <pc:docMk/>
              <pc:sldMasterMk cId="1571303548" sldId="2147483672"/>
              <pc:sldLayoutMk cId="908257773" sldId="2147483740"/>
              <ac:spMk id="14" creationId="{58654762-955C-4ABD-9BF2-B17327BFCD0D}"/>
            </ac:spMkLst>
          </pc:spChg>
          <pc:spChg chg="mod">
            <ac:chgData name="Jonas Bratseth" userId="7880613d-1198-4bca-afa6-2725a9958330" providerId="ADAL" clId="{95DE8DB2-18F4-433B-B35C-C72863037E4B}" dt="2021-04-27T05:47:54.717" v="1537" actId="790"/>
            <ac:spMkLst>
              <pc:docMk/>
              <pc:sldMasterMk cId="1571303548" sldId="2147483672"/>
              <pc:sldLayoutMk cId="908257773" sldId="2147483740"/>
              <ac:spMk id="17" creationId="{32FCE352-E1C6-46C2-B469-21C5CBF5BE89}"/>
            </ac:spMkLst>
          </pc:spChg>
          <pc:spChg chg="mod">
            <ac:chgData name="Jonas Bratseth" userId="7880613d-1198-4bca-afa6-2725a9958330" providerId="ADAL" clId="{95DE8DB2-18F4-433B-B35C-C72863037E4B}" dt="2021-04-27T05:47:54.725" v="1538" actId="790"/>
            <ac:spMkLst>
              <pc:docMk/>
              <pc:sldMasterMk cId="1571303548" sldId="2147483672"/>
              <pc:sldLayoutMk cId="908257773" sldId="2147483740"/>
              <ac:spMk id="18" creationId="{4F22031F-4052-468A-A75E-95AA2374426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57.991" v="2231"/>
          <pc:sldLayoutMkLst>
            <pc:docMk/>
            <pc:sldMasterMk cId="1571303548" sldId="2147483672"/>
            <pc:sldLayoutMk cId="3162365967" sldId="2147483741"/>
          </pc:sldLayoutMkLst>
          <pc:spChg chg="mod">
            <ac:chgData name="Jonas Bratseth" userId="7880613d-1198-4bca-afa6-2725a9958330" providerId="ADAL" clId="{95DE8DB2-18F4-433B-B35C-C72863037E4B}" dt="2021-04-27T05:56:26.648" v="1930"/>
            <ac:spMkLst>
              <pc:docMk/>
              <pc:sldMasterMk cId="1571303548" sldId="2147483672"/>
              <pc:sldLayoutMk cId="3162365967" sldId="214748374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25" v="1539" actId="790"/>
            <ac:spMkLst>
              <pc:docMk/>
              <pc:sldMasterMk cId="1571303548" sldId="2147483672"/>
              <pc:sldLayoutMk cId="3162365967" sldId="2147483741"/>
              <ac:spMk id="14" creationId="{53962625-4800-497B-B1DD-9317DEF669C0}"/>
            </ac:spMkLst>
          </pc:spChg>
          <pc:spChg chg="mod">
            <ac:chgData name="Jonas Bratseth" userId="7880613d-1198-4bca-afa6-2725a9958330" providerId="ADAL" clId="{95DE8DB2-18F4-433B-B35C-C72863037E4B}" dt="2021-04-27T05:47:54.727" v="1541" actId="790"/>
            <ac:spMkLst>
              <pc:docMk/>
              <pc:sldMasterMk cId="1571303548" sldId="2147483672"/>
              <pc:sldLayoutMk cId="3162365967" sldId="2147483741"/>
              <ac:spMk id="19" creationId="{A2C02546-FB88-4A2F-8539-75C6D57D7B88}"/>
            </ac:spMkLst>
          </pc:spChg>
          <pc:spChg chg="mod">
            <ac:chgData name="Jonas Bratseth" userId="7880613d-1198-4bca-afa6-2725a9958330" providerId="ADAL" clId="{95DE8DB2-18F4-433B-B35C-C72863037E4B}" dt="2021-04-27T05:47:54.727" v="1542" actId="790"/>
            <ac:spMkLst>
              <pc:docMk/>
              <pc:sldMasterMk cId="1571303548" sldId="2147483672"/>
              <pc:sldLayoutMk cId="3162365967" sldId="2147483741"/>
              <ac:spMk id="22" creationId="{D9E60C3C-3A07-409E-8AE9-F1074D1BA138}"/>
            </ac:spMkLst>
          </pc:spChg>
          <pc:spChg chg="mod">
            <ac:chgData name="Jonas Bratseth" userId="7880613d-1198-4bca-afa6-2725a9958330" providerId="ADAL" clId="{95DE8DB2-18F4-433B-B35C-C72863037E4B}" dt="2021-04-27T06:04:56.257" v="2228"/>
            <ac:spMkLst>
              <pc:docMk/>
              <pc:sldMasterMk cId="1571303548" sldId="2147483672"/>
              <pc:sldLayoutMk cId="3162365967" sldId="2147483741"/>
              <ac:spMk id="25" creationId="{432BA7E2-390F-4CFC-857B-3CCEA4DBE8E0}"/>
            </ac:spMkLst>
          </pc:spChg>
          <pc:spChg chg="mod">
            <ac:chgData name="Jonas Bratseth" userId="7880613d-1198-4bca-afa6-2725a9958330" providerId="ADAL" clId="{95DE8DB2-18F4-433B-B35C-C72863037E4B}" dt="2021-04-27T05:47:54.727" v="1544" actId="790"/>
            <ac:spMkLst>
              <pc:docMk/>
              <pc:sldMasterMk cId="1571303548" sldId="2147483672"/>
              <pc:sldLayoutMk cId="3162365967" sldId="2147483741"/>
              <ac:spMk id="28" creationId="{41EDC9FE-2330-494C-B6AD-A0DCAC186FB8}"/>
            </ac:spMkLst>
          </pc:spChg>
          <pc:spChg chg="mod">
            <ac:chgData name="Jonas Bratseth" userId="7880613d-1198-4bca-afa6-2725a9958330" providerId="ADAL" clId="{95DE8DB2-18F4-433B-B35C-C72863037E4B}" dt="2021-04-27T06:04:56.742" v="2229"/>
            <ac:spMkLst>
              <pc:docMk/>
              <pc:sldMasterMk cId="1571303548" sldId="2147483672"/>
              <pc:sldLayoutMk cId="3162365967" sldId="2147483741"/>
              <ac:spMk id="29" creationId="{B7861BBB-75C1-4216-9A2F-BE6903C3D39B}"/>
            </ac:spMkLst>
          </pc:spChg>
          <pc:spChg chg="mod">
            <ac:chgData name="Jonas Bratseth" userId="7880613d-1198-4bca-afa6-2725a9958330" providerId="ADAL" clId="{95DE8DB2-18F4-433B-B35C-C72863037E4B}" dt="2021-04-27T05:47:54.727" v="1546" actId="790"/>
            <ac:spMkLst>
              <pc:docMk/>
              <pc:sldMasterMk cId="1571303548" sldId="2147483672"/>
              <pc:sldLayoutMk cId="3162365967" sldId="2147483741"/>
              <ac:spMk id="30" creationId="{654C3AEF-69C2-447F-8AF6-9A780C2B3095}"/>
            </ac:spMkLst>
          </pc:spChg>
          <pc:spChg chg="mod">
            <ac:chgData name="Jonas Bratseth" userId="7880613d-1198-4bca-afa6-2725a9958330" providerId="ADAL" clId="{95DE8DB2-18F4-433B-B35C-C72863037E4B}" dt="2021-04-27T06:04:57.297" v="2230"/>
            <ac:spMkLst>
              <pc:docMk/>
              <pc:sldMasterMk cId="1571303548" sldId="2147483672"/>
              <pc:sldLayoutMk cId="3162365967" sldId="2147483741"/>
              <ac:spMk id="31" creationId="{E3C53F12-D83F-46B0-8106-A01E198BFB3E}"/>
            </ac:spMkLst>
          </pc:spChg>
          <pc:spChg chg="mod">
            <ac:chgData name="Jonas Bratseth" userId="7880613d-1198-4bca-afa6-2725a9958330" providerId="ADAL" clId="{95DE8DB2-18F4-433B-B35C-C72863037E4B}" dt="2021-04-27T05:47:54.727" v="1548" actId="790"/>
            <ac:spMkLst>
              <pc:docMk/>
              <pc:sldMasterMk cId="1571303548" sldId="2147483672"/>
              <pc:sldLayoutMk cId="3162365967" sldId="2147483741"/>
              <ac:spMk id="33" creationId="{14C5D210-242E-4C48-8A9C-F4E7D540F25F}"/>
            </ac:spMkLst>
          </pc:spChg>
          <pc:spChg chg="mod">
            <ac:chgData name="Jonas Bratseth" userId="7880613d-1198-4bca-afa6-2725a9958330" providerId="ADAL" clId="{95DE8DB2-18F4-433B-B35C-C72863037E4B}" dt="2021-04-27T06:04:57.991" v="2231"/>
            <ac:spMkLst>
              <pc:docMk/>
              <pc:sldMasterMk cId="1571303548" sldId="2147483672"/>
              <pc:sldLayoutMk cId="3162365967" sldId="2147483741"/>
              <ac:spMk id="35" creationId="{752577FB-CDA8-4598-A000-21C8C2535458}"/>
            </ac:spMkLst>
          </pc:spChg>
          <pc:spChg chg="mod">
            <ac:chgData name="Jonas Bratseth" userId="7880613d-1198-4bca-afa6-2725a9958330" providerId="ADAL" clId="{95DE8DB2-18F4-433B-B35C-C72863037E4B}" dt="2021-04-27T05:47:54.727" v="1550" actId="790"/>
            <ac:spMkLst>
              <pc:docMk/>
              <pc:sldMasterMk cId="1571303548" sldId="2147483672"/>
              <pc:sldLayoutMk cId="3162365967" sldId="2147483741"/>
              <ac:spMk id="37" creationId="{5ADF1E31-652B-4324-AA53-A4BAA77781C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01.743" v="2235"/>
          <pc:sldLayoutMkLst>
            <pc:docMk/>
            <pc:sldMasterMk cId="1571303548" sldId="2147483672"/>
            <pc:sldLayoutMk cId="275918460" sldId="2147483742"/>
          </pc:sldLayoutMkLst>
          <pc:spChg chg="mod">
            <ac:chgData name="Jonas Bratseth" userId="7880613d-1198-4bca-afa6-2725a9958330" providerId="ADAL" clId="{95DE8DB2-18F4-433B-B35C-C72863037E4B}" dt="2021-04-27T05:56:27.865" v="1931"/>
            <ac:spMkLst>
              <pc:docMk/>
              <pc:sldMasterMk cId="1571303548" sldId="2147483672"/>
              <pc:sldLayoutMk cId="275918460" sldId="2147483742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27" v="1551" actId="790"/>
            <ac:spMkLst>
              <pc:docMk/>
              <pc:sldMasterMk cId="1571303548" sldId="2147483672"/>
              <pc:sldLayoutMk cId="275918460" sldId="2147483742"/>
              <ac:spMk id="18" creationId="{5CF7FF69-CA9E-4BD9-80AF-99F9F21A1438}"/>
            </ac:spMkLst>
          </pc:spChg>
          <pc:spChg chg="mod">
            <ac:chgData name="Jonas Bratseth" userId="7880613d-1198-4bca-afa6-2725a9958330" providerId="ADAL" clId="{95DE8DB2-18F4-433B-B35C-C72863037E4B}" dt="2021-04-27T06:04:59.762" v="2232"/>
            <ac:spMkLst>
              <pc:docMk/>
              <pc:sldMasterMk cId="1571303548" sldId="2147483672"/>
              <pc:sldLayoutMk cId="275918460" sldId="2147483742"/>
              <ac:spMk id="19" creationId="{807F5410-670B-47C7-B27C-8C5BD0BA28C5}"/>
            </ac:spMkLst>
          </pc:spChg>
          <pc:spChg chg="mod">
            <ac:chgData name="Jonas Bratseth" userId="7880613d-1198-4bca-afa6-2725a9958330" providerId="ADAL" clId="{95DE8DB2-18F4-433B-B35C-C72863037E4B}" dt="2021-04-27T05:47:54.737" v="1557" actId="790"/>
            <ac:spMkLst>
              <pc:docMk/>
              <pc:sldMasterMk cId="1571303548" sldId="2147483672"/>
              <pc:sldLayoutMk cId="275918460" sldId="2147483742"/>
              <ac:spMk id="21" creationId="{0C772AAB-162D-415B-AD04-9197D0E931EA}"/>
            </ac:spMkLst>
          </pc:spChg>
          <pc:spChg chg="mod">
            <ac:chgData name="Jonas Bratseth" userId="7880613d-1198-4bca-afa6-2725a9958330" providerId="ADAL" clId="{95DE8DB2-18F4-433B-B35C-C72863037E4B}" dt="2021-04-27T05:47:54.737" v="1558" actId="790"/>
            <ac:spMkLst>
              <pc:docMk/>
              <pc:sldMasterMk cId="1571303548" sldId="2147483672"/>
              <pc:sldLayoutMk cId="275918460" sldId="2147483742"/>
              <ac:spMk id="22" creationId="{8FDE23EB-7781-47C5-8E9D-5ECB5CACE725}"/>
            </ac:spMkLst>
          </pc:spChg>
          <pc:spChg chg="mod">
            <ac:chgData name="Jonas Bratseth" userId="7880613d-1198-4bca-afa6-2725a9958330" providerId="ADAL" clId="{95DE8DB2-18F4-433B-B35C-C72863037E4B}" dt="2021-04-27T06:00:02.752" v="2080"/>
            <ac:spMkLst>
              <pc:docMk/>
              <pc:sldMasterMk cId="1571303548" sldId="2147483672"/>
              <pc:sldLayoutMk cId="275918460" sldId="2147483742"/>
              <ac:spMk id="23" creationId="{3B6286DA-C15D-464F-8B66-E0C6C8C50960}"/>
            </ac:spMkLst>
          </pc:spChg>
          <pc:spChg chg="mod">
            <ac:chgData name="Jonas Bratseth" userId="7880613d-1198-4bca-afa6-2725a9958330" providerId="ADAL" clId="{95DE8DB2-18F4-433B-B35C-C72863037E4B}" dt="2021-04-27T06:05:00.352" v="2233"/>
            <ac:spMkLst>
              <pc:docMk/>
              <pc:sldMasterMk cId="1571303548" sldId="2147483672"/>
              <pc:sldLayoutMk cId="275918460" sldId="2147483742"/>
              <ac:spMk id="25" creationId="{2415E9FD-3BED-4C9A-98A2-0911B7DEE21C}"/>
            </ac:spMkLst>
          </pc:spChg>
          <pc:spChg chg="mod">
            <ac:chgData name="Jonas Bratseth" userId="7880613d-1198-4bca-afa6-2725a9958330" providerId="ADAL" clId="{95DE8DB2-18F4-433B-B35C-C72863037E4B}" dt="2021-04-27T06:00:03.315" v="2081"/>
            <ac:spMkLst>
              <pc:docMk/>
              <pc:sldMasterMk cId="1571303548" sldId="2147483672"/>
              <pc:sldLayoutMk cId="275918460" sldId="2147483742"/>
              <ac:spMk id="26" creationId="{B2D57D5B-4726-4083-9CCC-4F783653593C}"/>
            </ac:spMkLst>
          </pc:spChg>
          <pc:spChg chg="mod">
            <ac:chgData name="Jonas Bratseth" userId="7880613d-1198-4bca-afa6-2725a9958330" providerId="ADAL" clId="{95DE8DB2-18F4-433B-B35C-C72863037E4B}" dt="2021-04-27T06:05:01.134" v="2234"/>
            <ac:spMkLst>
              <pc:docMk/>
              <pc:sldMasterMk cId="1571303548" sldId="2147483672"/>
              <pc:sldLayoutMk cId="275918460" sldId="2147483742"/>
              <ac:spMk id="28" creationId="{EEC47C67-C018-4A0A-8839-ADAFC4EAD193}"/>
            </ac:spMkLst>
          </pc:spChg>
          <pc:spChg chg="mod">
            <ac:chgData name="Jonas Bratseth" userId="7880613d-1198-4bca-afa6-2725a9958330" providerId="ADAL" clId="{95DE8DB2-18F4-433B-B35C-C72863037E4B}" dt="2021-04-27T06:00:03.879" v="2082"/>
            <ac:spMkLst>
              <pc:docMk/>
              <pc:sldMasterMk cId="1571303548" sldId="2147483672"/>
              <pc:sldLayoutMk cId="275918460" sldId="2147483742"/>
              <ac:spMk id="29" creationId="{B713BD22-88F8-4D3F-BB22-5CFB96A97E62}"/>
            </ac:spMkLst>
          </pc:spChg>
          <pc:spChg chg="mod">
            <ac:chgData name="Jonas Bratseth" userId="7880613d-1198-4bca-afa6-2725a9958330" providerId="ADAL" clId="{95DE8DB2-18F4-433B-B35C-C72863037E4B}" dt="2021-04-27T06:05:01.743" v="2235"/>
            <ac:spMkLst>
              <pc:docMk/>
              <pc:sldMasterMk cId="1571303548" sldId="2147483672"/>
              <pc:sldLayoutMk cId="275918460" sldId="2147483742"/>
              <ac:spMk id="31" creationId="{03A49B62-A09E-492A-B2FC-5D9E7FE30D3F}"/>
            </ac:spMkLst>
          </pc:spChg>
          <pc:spChg chg="mod">
            <ac:chgData name="Jonas Bratseth" userId="7880613d-1198-4bca-afa6-2725a9958330" providerId="ADAL" clId="{95DE8DB2-18F4-433B-B35C-C72863037E4B}" dt="2021-04-27T06:00:04.537" v="2083"/>
            <ac:spMkLst>
              <pc:docMk/>
              <pc:sldMasterMk cId="1571303548" sldId="2147483672"/>
              <pc:sldLayoutMk cId="275918460" sldId="2147483742"/>
              <ac:spMk id="32" creationId="{3D41C0D4-79F3-41F2-BF1A-DBC8EAA69086}"/>
            </ac:spMkLst>
          </pc:spChg>
          <pc:spChg chg="mod">
            <ac:chgData name="Jonas Bratseth" userId="7880613d-1198-4bca-afa6-2725a9958330" providerId="ADAL" clId="{95DE8DB2-18F4-433B-B35C-C72863037E4B}" dt="2021-04-27T05:47:54.727" v="1552" actId="790"/>
            <ac:spMkLst>
              <pc:docMk/>
              <pc:sldMasterMk cId="1571303548" sldId="2147483672"/>
              <pc:sldLayoutMk cId="275918460" sldId="2147483742"/>
              <ac:spMk id="33" creationId="{8E41E582-DD1E-450F-95B8-8FF9EF4E43A0}"/>
            </ac:spMkLst>
          </pc:spChg>
          <pc:spChg chg="mod">
            <ac:chgData name="Jonas Bratseth" userId="7880613d-1198-4bca-afa6-2725a9958330" providerId="ADAL" clId="{95DE8DB2-18F4-433B-B35C-C72863037E4B}" dt="2021-04-27T05:47:54.735" v="1553" actId="790"/>
            <ac:spMkLst>
              <pc:docMk/>
              <pc:sldMasterMk cId="1571303548" sldId="2147483672"/>
              <pc:sldLayoutMk cId="275918460" sldId="2147483742"/>
              <ac:spMk id="34" creationId="{08062B5F-ED57-4B8F-856B-7AD53A9A8791}"/>
            </ac:spMkLst>
          </pc:spChg>
          <pc:spChg chg="mod">
            <ac:chgData name="Jonas Bratseth" userId="7880613d-1198-4bca-afa6-2725a9958330" providerId="ADAL" clId="{95DE8DB2-18F4-433B-B35C-C72863037E4B}" dt="2021-04-27T05:47:54.735" v="1554" actId="790"/>
            <ac:spMkLst>
              <pc:docMk/>
              <pc:sldMasterMk cId="1571303548" sldId="2147483672"/>
              <pc:sldLayoutMk cId="275918460" sldId="2147483742"/>
              <ac:spMk id="35" creationId="{C1F30E64-C65F-4DC5-8FC4-6E4A93A171CD}"/>
            </ac:spMkLst>
          </pc:spChg>
          <pc:spChg chg="mod">
            <ac:chgData name="Jonas Bratseth" userId="7880613d-1198-4bca-afa6-2725a9958330" providerId="ADAL" clId="{95DE8DB2-18F4-433B-B35C-C72863037E4B}" dt="2021-04-27T05:47:54.735" v="1555" actId="790"/>
            <ac:spMkLst>
              <pc:docMk/>
              <pc:sldMasterMk cId="1571303548" sldId="2147483672"/>
              <pc:sldLayoutMk cId="275918460" sldId="2147483742"/>
              <ac:spMk id="36" creationId="{3570C7A7-04CB-4FBD-A14E-3F4BD39E4DB4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04.713" v="2239"/>
          <pc:sldLayoutMkLst>
            <pc:docMk/>
            <pc:sldMasterMk cId="1571303548" sldId="2147483672"/>
            <pc:sldLayoutMk cId="1237505033" sldId="2147483787"/>
          </pc:sldLayoutMkLst>
          <pc:spChg chg="mod">
            <ac:chgData name="Jonas Bratseth" userId="7880613d-1198-4bca-afa6-2725a9958330" providerId="ADAL" clId="{95DE8DB2-18F4-433B-B35C-C72863037E4B}" dt="2021-04-27T05:56:28.967" v="1932"/>
            <ac:spMkLst>
              <pc:docMk/>
              <pc:sldMasterMk cId="1571303548" sldId="2147483672"/>
              <pc:sldLayoutMk cId="1237505033" sldId="214748378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37" v="1565" actId="790"/>
            <ac:spMkLst>
              <pc:docMk/>
              <pc:sldMasterMk cId="1571303548" sldId="2147483672"/>
              <pc:sldLayoutMk cId="1237505033" sldId="2147483787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747" v="1573" actId="790"/>
            <ac:spMkLst>
              <pc:docMk/>
              <pc:sldMasterMk cId="1571303548" sldId="2147483672"/>
              <pc:sldLayoutMk cId="1237505033" sldId="2147483787"/>
              <ac:spMk id="13" creationId="{90A882E4-74CE-4D92-BC8D-06B977AEB64A}"/>
            </ac:spMkLst>
          </pc:spChg>
          <pc:spChg chg="mod">
            <ac:chgData name="Jonas Bratseth" userId="7880613d-1198-4bca-afa6-2725a9958330" providerId="ADAL" clId="{95DE8DB2-18F4-433B-B35C-C72863037E4B}" dt="2021-04-27T05:47:54.747" v="1574" actId="790"/>
            <ac:spMkLst>
              <pc:docMk/>
              <pc:sldMasterMk cId="1571303548" sldId="2147483672"/>
              <pc:sldLayoutMk cId="1237505033" sldId="2147483787"/>
              <ac:spMk id="14" creationId="{0B11BCFA-81AC-404C-B12E-AB24A852C210}"/>
            </ac:spMkLst>
          </pc:spChg>
          <pc:spChg chg="mod">
            <ac:chgData name="Jonas Bratseth" userId="7880613d-1198-4bca-afa6-2725a9958330" providerId="ADAL" clId="{95DE8DB2-18F4-433B-B35C-C72863037E4B}" dt="2021-04-27T05:47:54.737" v="1563" actId="790"/>
            <ac:spMkLst>
              <pc:docMk/>
              <pc:sldMasterMk cId="1571303548" sldId="2147483672"/>
              <pc:sldLayoutMk cId="1237505033" sldId="2147483787"/>
              <ac:spMk id="15" creationId="{408B9F34-CA18-491B-8812-2410665F78AF}"/>
            </ac:spMkLst>
          </pc:spChg>
          <pc:spChg chg="mod">
            <ac:chgData name="Jonas Bratseth" userId="7880613d-1198-4bca-afa6-2725a9958330" providerId="ADAL" clId="{95DE8DB2-18F4-433B-B35C-C72863037E4B}" dt="2021-04-27T06:05:03.024" v="2236"/>
            <ac:spMkLst>
              <pc:docMk/>
              <pc:sldMasterMk cId="1571303548" sldId="2147483672"/>
              <pc:sldLayoutMk cId="1237505033" sldId="2147483787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737" v="1567" actId="790"/>
            <ac:spMkLst>
              <pc:docMk/>
              <pc:sldMasterMk cId="1571303548" sldId="2147483672"/>
              <pc:sldLayoutMk cId="1237505033" sldId="2147483787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5:03.531" v="2237"/>
            <ac:spMkLst>
              <pc:docMk/>
              <pc:sldMasterMk cId="1571303548" sldId="2147483672"/>
              <pc:sldLayoutMk cId="1237505033" sldId="2147483787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745" v="1569" actId="790"/>
            <ac:spMkLst>
              <pc:docMk/>
              <pc:sldMasterMk cId="1571303548" sldId="2147483672"/>
              <pc:sldLayoutMk cId="1237505033" sldId="2147483787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5:04.139" v="2238"/>
            <ac:spMkLst>
              <pc:docMk/>
              <pc:sldMasterMk cId="1571303548" sldId="2147483672"/>
              <pc:sldLayoutMk cId="1237505033" sldId="2147483787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747" v="1571" actId="790"/>
            <ac:spMkLst>
              <pc:docMk/>
              <pc:sldMasterMk cId="1571303548" sldId="2147483672"/>
              <pc:sldLayoutMk cId="1237505033" sldId="2147483787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5:04.713" v="2239"/>
            <ac:spMkLst>
              <pc:docMk/>
              <pc:sldMasterMk cId="1571303548" sldId="2147483672"/>
              <pc:sldLayoutMk cId="1237505033" sldId="2147483787"/>
              <ac:spMk id="51" creationId="{9B87CD94-7A09-4FBF-8581-99B20B7C8576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7:13.843" v="2270"/>
        <pc:sldMasterMkLst>
          <pc:docMk/>
          <pc:sldMasterMk cId="3187493390" sldId="2147483680"/>
        </pc:sldMasterMkLst>
        <pc:spChg chg="mod">
          <ac:chgData name="Jonas Bratseth" userId="7880613d-1198-4bca-afa6-2725a9958330" providerId="ADAL" clId="{95DE8DB2-18F4-433B-B35C-C72863037E4B}" dt="2021-04-27T05:56:31.926" v="1934"/>
          <ac:spMkLst>
            <pc:docMk/>
            <pc:sldMasterMk cId="3187493390" sldId="2147483680"/>
            <ac:spMk id="2" creationId="{EC00E0C1-94DD-4E87-91A3-A53B9DA66CC3}"/>
          </ac:spMkLst>
        </pc:spChg>
        <pc:spChg chg="mod">
          <ac:chgData name="Jonas Bratseth" userId="7880613d-1198-4bca-afa6-2725a9958330" providerId="ADAL" clId="{95DE8DB2-18F4-433B-B35C-C72863037E4B}" dt="2021-04-27T06:07:13.843" v="2270"/>
          <ac:spMkLst>
            <pc:docMk/>
            <pc:sldMasterMk cId="3187493390" sldId="2147483680"/>
            <ac:spMk id="9" creationId="{58F37BC3-C2C0-49FC-AF17-4DF1FED34D70}"/>
          </ac:spMkLst>
        </pc:spChg>
        <pc:sldLayoutChg chg="modSp mod">
          <pc:chgData name="Jonas Bratseth" userId="7880613d-1198-4bca-afa6-2725a9958330" providerId="ADAL" clId="{95DE8DB2-18F4-433B-B35C-C72863037E4B}" dt="2021-04-27T06:02:07.335" v="2131"/>
          <pc:sldLayoutMkLst>
            <pc:docMk/>
            <pc:sldMasterMk cId="3187493390" sldId="2147483680"/>
            <pc:sldLayoutMk cId="3861079065" sldId="2147483681"/>
          </pc:sldLayoutMkLst>
          <pc:spChg chg="mod">
            <ac:chgData name="Jonas Bratseth" userId="7880613d-1198-4bca-afa6-2725a9958330" providerId="ADAL" clId="{95DE8DB2-18F4-433B-B35C-C72863037E4B}" dt="2021-04-27T06:02:07.335" v="2131"/>
            <ac:spMkLst>
              <pc:docMk/>
              <pc:sldMasterMk cId="3187493390" sldId="2147483680"/>
              <pc:sldLayoutMk cId="3861079065" sldId="2147483681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755" v="1583" actId="790"/>
            <ac:spMkLst>
              <pc:docMk/>
              <pc:sldMasterMk cId="3187493390" sldId="2147483680"/>
              <pc:sldLayoutMk cId="3861079065" sldId="2147483681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755" v="1582" actId="790"/>
            <ac:spMkLst>
              <pc:docMk/>
              <pc:sldMasterMk cId="3187493390" sldId="2147483680"/>
              <pc:sldLayoutMk cId="3861079065" sldId="2147483681"/>
              <ac:spMk id="6" creationId="{3A0BAEDA-2B5E-4C83-9161-0B871B632CD8}"/>
            </ac:spMkLst>
          </pc:spChg>
          <pc:spChg chg="mod">
            <ac:chgData name="Jonas Bratseth" userId="7880613d-1198-4bca-afa6-2725a9958330" providerId="ADAL" clId="{95DE8DB2-18F4-433B-B35C-C72863037E4B}" dt="2021-04-27T05:47:54.747" v="1580" actId="790"/>
            <ac:spMkLst>
              <pc:docMk/>
              <pc:sldMasterMk cId="3187493390" sldId="2147483680"/>
              <pc:sldLayoutMk cId="3861079065" sldId="2147483681"/>
              <ac:spMk id="7" creationId="{1EDC10EC-BA55-4582-BC51-54300AEE4C9D}"/>
            </ac:spMkLst>
          </pc:spChg>
          <pc:spChg chg="mod">
            <ac:chgData name="Jonas Bratseth" userId="7880613d-1198-4bca-afa6-2725a9958330" providerId="ADAL" clId="{95DE8DB2-18F4-433B-B35C-C72863037E4B}" dt="2021-04-27T06:00:09.353" v="2084"/>
            <ac:spMkLst>
              <pc:docMk/>
              <pc:sldMasterMk cId="3187493390" sldId="2147483680"/>
              <pc:sldLayoutMk cId="3861079065" sldId="2147483681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5:56:38.539" v="1945" actId="20577"/>
            <ac:spMkLst>
              <pc:docMk/>
              <pc:sldMasterMk cId="3187493390" sldId="2147483680"/>
              <pc:sldLayoutMk cId="3861079065" sldId="2147483681"/>
              <ac:spMk id="11" creationId="{E9977C2C-E54D-42E2-8519-62F412D90FA8}"/>
            </ac:spMkLst>
          </pc:spChg>
          <pc:spChg chg="mod">
            <ac:chgData name="Jonas Bratseth" userId="7880613d-1198-4bca-afa6-2725a9958330" providerId="ADAL" clId="{95DE8DB2-18F4-433B-B35C-C72863037E4B}" dt="2021-04-27T06:00:10.475" v="2085"/>
            <ac:spMkLst>
              <pc:docMk/>
              <pc:sldMasterMk cId="3187493390" sldId="2147483680"/>
              <pc:sldLayoutMk cId="3861079065" sldId="2147483681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2:08.288" v="2132"/>
          <pc:sldLayoutMkLst>
            <pc:docMk/>
            <pc:sldMasterMk cId="3187493390" sldId="2147483680"/>
            <pc:sldLayoutMk cId="736186535" sldId="2147483682"/>
          </pc:sldLayoutMkLst>
          <pc:spChg chg="mod">
            <ac:chgData name="Jonas Bratseth" userId="7880613d-1198-4bca-afa6-2725a9958330" providerId="ADAL" clId="{95DE8DB2-18F4-433B-B35C-C72863037E4B}" dt="2021-04-27T05:56:43.405" v="1960" actId="20577"/>
            <ac:spMkLst>
              <pc:docMk/>
              <pc:sldMasterMk cId="3187493390" sldId="2147483680"/>
              <pc:sldLayoutMk cId="736186535" sldId="2147483682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6:02:08.288" v="2132"/>
            <ac:spMkLst>
              <pc:docMk/>
              <pc:sldMasterMk cId="3187493390" sldId="2147483680"/>
              <pc:sldLayoutMk cId="736186535" sldId="2147483682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757" v="1587" actId="790"/>
            <ac:spMkLst>
              <pc:docMk/>
              <pc:sldMasterMk cId="3187493390" sldId="2147483680"/>
              <pc:sldLayoutMk cId="736186535" sldId="2147483682"/>
              <ac:spMk id="10" creationId="{21E2F243-8C06-4A1D-98D1-265080BF12EF}"/>
            </ac:spMkLst>
          </pc:spChg>
          <pc:spChg chg="mod">
            <ac:chgData name="Jonas Bratseth" userId="7880613d-1198-4bca-afa6-2725a9958330" providerId="ADAL" clId="{95DE8DB2-18F4-433B-B35C-C72863037E4B}" dt="2021-04-27T05:47:54.757" v="1588" actId="790"/>
            <ac:spMkLst>
              <pc:docMk/>
              <pc:sldMasterMk cId="3187493390" sldId="2147483680"/>
              <pc:sldLayoutMk cId="736186535" sldId="2147483682"/>
              <ac:spMk id="13" creationId="{C2C17AF9-57CB-4DE8-8036-B61815EF180D}"/>
            </ac:spMkLst>
          </pc:spChg>
          <pc:spChg chg="mod">
            <ac:chgData name="Jonas Bratseth" userId="7880613d-1198-4bca-afa6-2725a9958330" providerId="ADAL" clId="{95DE8DB2-18F4-433B-B35C-C72863037E4B}" dt="2021-04-27T05:47:54.757" v="1589" actId="790"/>
            <ac:spMkLst>
              <pc:docMk/>
              <pc:sldMasterMk cId="3187493390" sldId="2147483680"/>
              <pc:sldLayoutMk cId="736186535" sldId="2147483682"/>
              <ac:spMk id="14" creationId="{48480890-1B9B-4A9A-99C9-E0993415F7B5}"/>
            </ac:spMkLst>
          </pc:spChg>
          <pc:spChg chg="mod">
            <ac:chgData name="Jonas Bratseth" userId="7880613d-1198-4bca-afa6-2725a9958330" providerId="ADAL" clId="{95DE8DB2-18F4-433B-B35C-C72863037E4B}" dt="2021-04-27T06:00:13.051" v="2087"/>
            <ac:spMkLst>
              <pc:docMk/>
              <pc:sldMasterMk cId="3187493390" sldId="2147483680"/>
              <pc:sldLayoutMk cId="736186535" sldId="2147483682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6:00:12.166" v="2086"/>
            <ac:spMkLst>
              <pc:docMk/>
              <pc:sldMasterMk cId="3187493390" sldId="2147483680"/>
              <pc:sldLayoutMk cId="736186535" sldId="2147483682"/>
              <ac:spMk id="30" creationId="{4CC0A7DB-27EF-4BE8-93B0-2E99409AE43A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6:02:09.578" v="2133"/>
          <pc:sldLayoutMkLst>
            <pc:docMk/>
            <pc:sldMasterMk cId="3187493390" sldId="2147483680"/>
            <pc:sldLayoutMk cId="660796160" sldId="2147483683"/>
          </pc:sldLayoutMkLst>
          <pc:spChg chg="del">
            <ac:chgData name="Jonas Bratseth" userId="7880613d-1198-4bca-afa6-2725a9958330" providerId="ADAL" clId="{95DE8DB2-18F4-433B-B35C-C72863037E4B}" dt="2021-04-26T09:25:17.266" v="191" actId="478"/>
            <ac:spMkLst>
              <pc:docMk/>
              <pc:sldMasterMk cId="3187493390" sldId="2147483680"/>
              <pc:sldLayoutMk cId="660796160" sldId="2147483683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95DE8DB2-18F4-433B-B35C-C72863037E4B}" dt="2021-04-26T09:25:18.322" v="192" actId="478"/>
            <ac:spMkLst>
              <pc:docMk/>
              <pc:sldMasterMk cId="3187493390" sldId="2147483680"/>
              <pc:sldLayoutMk cId="660796160" sldId="2147483683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757" v="1590" actId="790"/>
            <ac:spMkLst>
              <pc:docMk/>
              <pc:sldMasterMk cId="3187493390" sldId="2147483680"/>
              <pc:sldLayoutMk cId="660796160" sldId="2147483683"/>
              <ac:spMk id="8" creationId="{3A9B36A6-D5A0-40FE-A730-776C70C5C38A}"/>
            </ac:spMkLst>
          </pc:spChg>
          <pc:spChg chg="add mod">
            <ac:chgData name="Jonas Bratseth" userId="7880613d-1198-4bca-afa6-2725a9958330" providerId="ADAL" clId="{95DE8DB2-18F4-433B-B35C-C72863037E4B}" dt="2021-04-27T05:47:54.757" v="1593" actId="790"/>
            <ac:spMkLst>
              <pc:docMk/>
              <pc:sldMasterMk cId="3187493390" sldId="2147483680"/>
              <pc:sldLayoutMk cId="660796160" sldId="2147483683"/>
              <ac:spMk id="9" creationId="{F3211D0C-A7E7-408F-BE32-7EAF9733B68A}"/>
            </ac:spMkLst>
          </pc:spChg>
          <pc:spChg chg="add mod">
            <ac:chgData name="Jonas Bratseth" userId="7880613d-1198-4bca-afa6-2725a9958330" providerId="ADAL" clId="{95DE8DB2-18F4-433B-B35C-C72863037E4B}" dt="2021-04-27T06:02:09.578" v="2133"/>
            <ac:spMkLst>
              <pc:docMk/>
              <pc:sldMasterMk cId="3187493390" sldId="2147483680"/>
              <pc:sldLayoutMk cId="660796160" sldId="2147483683"/>
              <ac:spMk id="10" creationId="{ABB0DB59-7ECF-4422-80DC-C7C641C0FF2A}"/>
            </ac:spMkLst>
          </pc:spChg>
          <pc:spChg chg="add mod">
            <ac:chgData name="Jonas Bratseth" userId="7880613d-1198-4bca-afa6-2725a9958330" providerId="ADAL" clId="{95DE8DB2-18F4-433B-B35C-C72863037E4B}" dt="2021-04-27T05:47:54.765" v="1595" actId="790"/>
            <ac:spMkLst>
              <pc:docMk/>
              <pc:sldMasterMk cId="3187493390" sldId="2147483680"/>
              <pc:sldLayoutMk cId="660796160" sldId="2147483683"/>
              <ac:spMk id="11" creationId="{491D32E4-48C1-42B9-85D0-62E5722E7152}"/>
            </ac:spMkLst>
          </pc:spChg>
          <pc:spChg chg="mod">
            <ac:chgData name="Jonas Bratseth" userId="7880613d-1198-4bca-afa6-2725a9958330" providerId="ADAL" clId="{95DE8DB2-18F4-433B-B35C-C72863037E4B}" dt="2021-04-27T05:47:54.757" v="1591" actId="790"/>
            <ac:spMkLst>
              <pc:docMk/>
              <pc:sldMasterMk cId="3187493390" sldId="2147483680"/>
              <pc:sldLayoutMk cId="660796160" sldId="2147483683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757" v="1592" actId="790"/>
            <ac:spMkLst>
              <pc:docMk/>
              <pc:sldMasterMk cId="3187493390" sldId="2147483680"/>
              <pc:sldLayoutMk cId="660796160" sldId="2147483683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50.719" v="1961"/>
          <pc:sldLayoutMkLst>
            <pc:docMk/>
            <pc:sldMasterMk cId="3187493390" sldId="2147483680"/>
            <pc:sldLayoutMk cId="597010272" sldId="2147483684"/>
          </pc:sldLayoutMkLst>
          <pc:spChg chg="mod">
            <ac:chgData name="Jonas Bratseth" userId="7880613d-1198-4bca-afa6-2725a9958330" providerId="ADAL" clId="{95DE8DB2-18F4-433B-B35C-C72863037E4B}" dt="2021-04-27T05:56:50.719" v="1961"/>
            <ac:spMkLst>
              <pc:docMk/>
              <pc:sldMasterMk cId="3187493390" sldId="2147483680"/>
              <pc:sldLayoutMk cId="597010272" sldId="214748368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75" v="1605" actId="790"/>
            <ac:spMkLst>
              <pc:docMk/>
              <pc:sldMasterMk cId="3187493390" sldId="2147483680"/>
              <pc:sldLayoutMk cId="597010272" sldId="2147483684"/>
              <ac:spMk id="4" creationId="{8304C863-E43F-403F-BE4B-4893A5E527AA}"/>
            </ac:spMkLst>
          </pc:spChg>
          <pc:spChg chg="mod">
            <ac:chgData name="Jonas Bratseth" userId="7880613d-1198-4bca-afa6-2725a9958330" providerId="ADAL" clId="{95DE8DB2-18F4-433B-B35C-C72863037E4B}" dt="2021-04-27T05:47:54.767" v="1601" actId="790"/>
            <ac:spMkLst>
              <pc:docMk/>
              <pc:sldMasterMk cId="3187493390" sldId="2147483680"/>
              <pc:sldLayoutMk cId="597010272" sldId="2147483684"/>
              <ac:spMk id="8" creationId="{1C4EEE55-4E46-4205-84C9-1290ECE2306F}"/>
            </ac:spMkLst>
          </pc:spChg>
          <pc:spChg chg="mod">
            <ac:chgData name="Jonas Bratseth" userId="7880613d-1198-4bca-afa6-2725a9958330" providerId="ADAL" clId="{95DE8DB2-18F4-433B-B35C-C72863037E4B}" dt="2021-04-27T05:47:54.767" v="1603" actId="790"/>
            <ac:spMkLst>
              <pc:docMk/>
              <pc:sldMasterMk cId="3187493390" sldId="2147483680"/>
              <pc:sldLayoutMk cId="597010272" sldId="2147483684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767" v="1604" actId="790"/>
            <ac:spMkLst>
              <pc:docMk/>
              <pc:sldMasterMk cId="3187493390" sldId="2147483680"/>
              <pc:sldLayoutMk cId="597010272" sldId="2147483684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23.526" v="2103"/>
          <pc:sldLayoutMkLst>
            <pc:docMk/>
            <pc:sldMasterMk cId="3187493390" sldId="2147483680"/>
            <pc:sldLayoutMk cId="4177452680" sldId="2147483685"/>
          </pc:sldLayoutMkLst>
          <pc:spChg chg="mod">
            <ac:chgData name="Jonas Bratseth" userId="7880613d-1198-4bca-afa6-2725a9958330" providerId="ADAL" clId="{95DE8DB2-18F4-433B-B35C-C72863037E4B}" dt="2021-04-27T05:56:51.773" v="1962"/>
            <ac:spMkLst>
              <pc:docMk/>
              <pc:sldMasterMk cId="3187493390" sldId="2147483680"/>
              <pc:sldLayoutMk cId="4177452680" sldId="214748368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77" v="1608" actId="790"/>
            <ac:spMkLst>
              <pc:docMk/>
              <pc:sldMasterMk cId="3187493390" sldId="2147483680"/>
              <pc:sldLayoutMk cId="4177452680" sldId="2147483685"/>
              <ac:spMk id="3" creationId="{0D93E16A-6125-4B01-9B97-3CA53DFF61AB}"/>
            </ac:spMkLst>
          </pc:spChg>
          <pc:spChg chg="mod">
            <ac:chgData name="Jonas Bratseth" userId="7880613d-1198-4bca-afa6-2725a9958330" providerId="ADAL" clId="{95DE8DB2-18F4-433B-B35C-C72863037E4B}" dt="2021-04-27T06:00:23.526" v="2103"/>
            <ac:spMkLst>
              <pc:docMk/>
              <pc:sldMasterMk cId="3187493390" sldId="2147483680"/>
              <pc:sldLayoutMk cId="4177452680" sldId="2147483685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775" v="1606" actId="790"/>
            <ac:spMkLst>
              <pc:docMk/>
              <pc:sldMasterMk cId="3187493390" sldId="2147483680"/>
              <pc:sldLayoutMk cId="4177452680" sldId="2147483685"/>
              <ac:spMk id="10" creationId="{0B3C5F1A-6408-4098-96AF-6FC0AD1AFDB6}"/>
            </ac:spMkLst>
          </pc:spChg>
          <pc:spChg chg="mod">
            <ac:chgData name="Jonas Bratseth" userId="7880613d-1198-4bca-afa6-2725a9958330" providerId="ADAL" clId="{95DE8DB2-18F4-433B-B35C-C72863037E4B}" dt="2021-04-27T05:47:54.777" v="1609" actId="790"/>
            <ac:spMkLst>
              <pc:docMk/>
              <pc:sldMasterMk cId="3187493390" sldId="2147483680"/>
              <pc:sldLayoutMk cId="4177452680" sldId="2147483685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777" v="1610" actId="790"/>
            <ac:spMkLst>
              <pc:docMk/>
              <pc:sldMasterMk cId="3187493390" sldId="2147483680"/>
              <pc:sldLayoutMk cId="4177452680" sldId="2147483685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875" v="1709" actId="790"/>
          <pc:sldLayoutMkLst>
            <pc:docMk/>
            <pc:sldMasterMk cId="3187493390" sldId="2147483680"/>
            <pc:sldLayoutMk cId="2609097215" sldId="2147483687"/>
          </pc:sldLayoutMkLst>
          <pc:spChg chg="mod">
            <ac:chgData name="Jonas Bratseth" userId="7880613d-1198-4bca-afa6-2725a9958330" providerId="ADAL" clId="{95DE8DB2-18F4-433B-B35C-C72863037E4B}" dt="2021-04-27T05:47:54.875" v="1709" actId="790"/>
            <ac:spMkLst>
              <pc:docMk/>
              <pc:sldMasterMk cId="3187493390" sldId="2147483680"/>
              <pc:sldLayoutMk cId="2609097215" sldId="2147483687"/>
              <ac:spMk id="5" creationId="{04904180-C847-4FC0-9759-1956EECC4080}"/>
            </ac:spMkLst>
          </pc:spChg>
        </pc:sldLayoutChg>
        <pc:sldLayoutChg chg="addSp delSp modSp mod">
          <pc:chgData name="Jonas Bratseth" userId="7880613d-1198-4bca-afa6-2725a9958330" providerId="ADAL" clId="{95DE8DB2-18F4-433B-B35C-C72863037E4B}" dt="2021-04-27T06:02:10.745" v="2134"/>
          <pc:sldLayoutMkLst>
            <pc:docMk/>
            <pc:sldMasterMk cId="3187493390" sldId="2147483680"/>
            <pc:sldLayoutMk cId="2581273029" sldId="2147483691"/>
          </pc:sldLayoutMkLst>
          <pc:spChg chg="del">
            <ac:chgData name="Jonas Bratseth" userId="7880613d-1198-4bca-afa6-2725a9958330" providerId="ADAL" clId="{95DE8DB2-18F4-433B-B35C-C72863037E4B}" dt="2021-04-26T09:25:22.133" v="194" actId="478"/>
            <ac:spMkLst>
              <pc:docMk/>
              <pc:sldMasterMk cId="3187493390" sldId="2147483680"/>
              <pc:sldLayoutMk cId="2581273029" sldId="2147483691"/>
              <ac:spMk id="2" creationId="{A1E49F8F-D418-4FBA-825E-A63F2DDD8F1E}"/>
            </ac:spMkLst>
          </pc:spChg>
          <pc:spChg chg="del">
            <ac:chgData name="Jonas Bratseth" userId="7880613d-1198-4bca-afa6-2725a9958330" providerId="ADAL" clId="{95DE8DB2-18F4-433B-B35C-C72863037E4B}" dt="2021-04-26T09:25:24.064" v="195" actId="478"/>
            <ac:spMkLst>
              <pc:docMk/>
              <pc:sldMasterMk cId="3187493390" sldId="2147483680"/>
              <pc:sldLayoutMk cId="2581273029" sldId="2147483691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6:00:18.599" v="2102" actId="20577"/>
            <ac:spMkLst>
              <pc:docMk/>
              <pc:sldMasterMk cId="3187493390" sldId="2147483680"/>
              <pc:sldLayoutMk cId="2581273029" sldId="2147483691"/>
              <ac:spMk id="5" creationId="{97A4C67A-08FD-4860-9536-7E7CAE860C35}"/>
            </ac:spMkLst>
          </pc:spChg>
          <pc:spChg chg="add mod">
            <ac:chgData name="Jonas Bratseth" userId="7880613d-1198-4bca-afa6-2725a9958330" providerId="ADAL" clId="{95DE8DB2-18F4-433B-B35C-C72863037E4B}" dt="2021-04-27T05:47:54.767" v="1598" actId="790"/>
            <ac:spMkLst>
              <pc:docMk/>
              <pc:sldMasterMk cId="3187493390" sldId="2147483680"/>
              <pc:sldLayoutMk cId="2581273029" sldId="2147483691"/>
              <ac:spMk id="8" creationId="{9F7C8833-CCFD-47BE-B688-6B8AAF15F688}"/>
            </ac:spMkLst>
          </pc:spChg>
          <pc:spChg chg="add mod">
            <ac:chgData name="Jonas Bratseth" userId="7880613d-1198-4bca-afa6-2725a9958330" providerId="ADAL" clId="{95DE8DB2-18F4-433B-B35C-C72863037E4B}" dt="2021-04-27T06:02:10.745" v="2134"/>
            <ac:spMkLst>
              <pc:docMk/>
              <pc:sldMasterMk cId="3187493390" sldId="2147483680"/>
              <pc:sldLayoutMk cId="2581273029" sldId="2147483691"/>
              <ac:spMk id="9" creationId="{8E6E7ED0-BF5A-4767-9833-BCE49764243F}"/>
            </ac:spMkLst>
          </pc:spChg>
          <pc:spChg chg="add mod">
            <ac:chgData name="Jonas Bratseth" userId="7880613d-1198-4bca-afa6-2725a9958330" providerId="ADAL" clId="{95DE8DB2-18F4-433B-B35C-C72863037E4B}" dt="2021-04-27T05:47:54.767" v="1600" actId="790"/>
            <ac:spMkLst>
              <pc:docMk/>
              <pc:sldMasterMk cId="3187493390" sldId="2147483680"/>
              <pc:sldLayoutMk cId="2581273029" sldId="2147483691"/>
              <ac:spMk id="10" creationId="{086092E6-52C6-4328-B409-FBD3376DC77F}"/>
            </ac:spMkLst>
          </pc:spChg>
          <pc:spChg chg="mod">
            <ac:chgData name="Jonas Bratseth" userId="7880613d-1198-4bca-afa6-2725a9958330" providerId="ADAL" clId="{95DE8DB2-18F4-433B-B35C-C72863037E4B}" dt="2021-04-27T05:47:54.767" v="1596" actId="790"/>
            <ac:spMkLst>
              <pc:docMk/>
              <pc:sldMasterMk cId="3187493390" sldId="2147483680"/>
              <pc:sldLayoutMk cId="2581273029" sldId="2147483691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767" v="1597" actId="790"/>
            <ac:spMkLst>
              <pc:docMk/>
              <pc:sldMasterMk cId="3187493390" sldId="2147483680"/>
              <pc:sldLayoutMk cId="2581273029" sldId="2147483691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12.831" v="2244"/>
          <pc:sldLayoutMkLst>
            <pc:docMk/>
            <pc:sldMasterMk cId="3187493390" sldId="2147483680"/>
            <pc:sldLayoutMk cId="2249116253" sldId="2147483695"/>
          </pc:sldLayoutMkLst>
          <pc:spChg chg="mod">
            <ac:chgData name="Jonas Bratseth" userId="7880613d-1198-4bca-afa6-2725a9958330" providerId="ADAL" clId="{95DE8DB2-18F4-433B-B35C-C72863037E4B}" dt="2021-04-27T05:56:56.894" v="1967"/>
            <ac:spMkLst>
              <pc:docMk/>
              <pc:sldMasterMk cId="3187493390" sldId="2147483680"/>
              <pc:sldLayoutMk cId="2249116253" sldId="214748369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97" v="1629" actId="790"/>
            <ac:spMkLst>
              <pc:docMk/>
              <pc:sldMasterMk cId="3187493390" sldId="2147483680"/>
              <pc:sldLayoutMk cId="2249116253" sldId="2147483695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797" v="1627" actId="790"/>
            <ac:spMkLst>
              <pc:docMk/>
              <pc:sldMasterMk cId="3187493390" sldId="2147483680"/>
              <pc:sldLayoutMk cId="2249116253" sldId="2147483695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797" v="1628" actId="790"/>
            <ac:spMkLst>
              <pc:docMk/>
              <pc:sldMasterMk cId="3187493390" sldId="2147483680"/>
              <pc:sldLayoutMk cId="2249116253" sldId="2147483695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6:05:11.766" v="2242"/>
            <ac:spMkLst>
              <pc:docMk/>
              <pc:sldMasterMk cId="3187493390" sldId="2147483680"/>
              <pc:sldLayoutMk cId="2249116253" sldId="2147483695"/>
              <ac:spMk id="12" creationId="{90EF9EBB-11EC-48E8-A2D5-E1E1F70248F6}"/>
            </ac:spMkLst>
          </pc:spChg>
          <pc:spChg chg="mod">
            <ac:chgData name="Jonas Bratseth" userId="7880613d-1198-4bca-afa6-2725a9958330" providerId="ADAL" clId="{95DE8DB2-18F4-433B-B35C-C72863037E4B}" dt="2021-04-27T05:47:54.795" v="1625" actId="790"/>
            <ac:spMkLst>
              <pc:docMk/>
              <pc:sldMasterMk cId="3187493390" sldId="2147483680"/>
              <pc:sldLayoutMk cId="2249116253" sldId="2147483695"/>
              <ac:spMk id="13" creationId="{94E2699D-53DF-4D78-A9B2-657299B5D442}"/>
            </ac:spMkLst>
          </pc:spChg>
          <pc:spChg chg="mod">
            <ac:chgData name="Jonas Bratseth" userId="7880613d-1198-4bca-afa6-2725a9958330" providerId="ADAL" clId="{95DE8DB2-18F4-433B-B35C-C72863037E4B}" dt="2021-04-27T06:05:12.268" v="2243"/>
            <ac:spMkLst>
              <pc:docMk/>
              <pc:sldMasterMk cId="3187493390" sldId="2147483680"/>
              <pc:sldLayoutMk cId="2249116253" sldId="2147483695"/>
              <ac:spMk id="14" creationId="{55C8EE60-2461-4652-956D-D3C5C6E4EA42}"/>
            </ac:spMkLst>
          </pc:spChg>
          <pc:spChg chg="mod">
            <ac:chgData name="Jonas Bratseth" userId="7880613d-1198-4bca-afa6-2725a9958330" providerId="ADAL" clId="{95DE8DB2-18F4-433B-B35C-C72863037E4B}" dt="2021-04-27T06:05:12.831" v="2244"/>
            <ac:spMkLst>
              <pc:docMk/>
              <pc:sldMasterMk cId="3187493390" sldId="2147483680"/>
              <pc:sldLayoutMk cId="2249116253" sldId="2147483695"/>
              <ac:spMk id="15" creationId="{FAE5D71D-8B4A-4368-9659-602E5883512F}"/>
            </ac:spMkLst>
          </pc:spChg>
          <pc:spChg chg="mod">
            <ac:chgData name="Jonas Bratseth" userId="7880613d-1198-4bca-afa6-2725a9958330" providerId="ADAL" clId="{95DE8DB2-18F4-433B-B35C-C72863037E4B}" dt="2021-04-27T05:47:54.797" v="1630" actId="790"/>
            <ac:spMkLst>
              <pc:docMk/>
              <pc:sldMasterMk cId="3187493390" sldId="2147483680"/>
              <pc:sldLayoutMk cId="2249116253" sldId="2147483695"/>
              <ac:spMk id="17" creationId="{53CE565C-6BB2-4F3F-A4B5-49A10869DD80}"/>
            </ac:spMkLst>
          </pc:spChg>
          <pc:spChg chg="mod">
            <ac:chgData name="Jonas Bratseth" userId="7880613d-1198-4bca-afa6-2725a9958330" providerId="ADAL" clId="{95DE8DB2-18F4-433B-B35C-C72863037E4B}" dt="2021-04-27T05:47:54.797" v="1631" actId="790"/>
            <ac:spMkLst>
              <pc:docMk/>
              <pc:sldMasterMk cId="3187493390" sldId="2147483680"/>
              <pc:sldLayoutMk cId="2249116253" sldId="2147483695"/>
              <ac:spMk id="18" creationId="{5D1C62CB-4861-42BA-86C9-66578294B2D0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7:04.870" v="1974"/>
          <pc:sldLayoutMkLst>
            <pc:docMk/>
            <pc:sldMasterMk cId="3187493390" sldId="2147483680"/>
            <pc:sldLayoutMk cId="3521125847" sldId="2147483703"/>
          </pc:sldLayoutMkLst>
          <pc:spChg chg="mod">
            <ac:chgData name="Jonas Bratseth" userId="7880613d-1198-4bca-afa6-2725a9958330" providerId="ADAL" clId="{95DE8DB2-18F4-433B-B35C-C72863037E4B}" dt="2021-04-27T05:57:04.870" v="1974"/>
            <ac:spMkLst>
              <pc:docMk/>
              <pc:sldMasterMk cId="3187493390" sldId="2147483680"/>
              <pc:sldLayoutMk cId="3521125847" sldId="214748370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67" v="1707" actId="790"/>
            <ac:spMkLst>
              <pc:docMk/>
              <pc:sldMasterMk cId="3187493390" sldId="2147483680"/>
              <pc:sldLayoutMk cId="3521125847" sldId="2147483703"/>
              <ac:spMk id="6" creationId="{4C175CCE-1F6F-48C4-83A8-3D1E980DEDE8}"/>
            </ac:spMkLst>
          </pc:spChg>
          <pc:spChg chg="mod">
            <ac:chgData name="Jonas Bratseth" userId="7880613d-1198-4bca-afa6-2725a9958330" providerId="ADAL" clId="{95DE8DB2-18F4-433B-B35C-C72863037E4B}" dt="2021-04-27T05:47:54.867" v="1708" actId="790"/>
            <ac:spMkLst>
              <pc:docMk/>
              <pc:sldMasterMk cId="3187493390" sldId="2147483680"/>
              <pc:sldLayoutMk cId="3521125847" sldId="2147483703"/>
              <ac:spMk id="7" creationId="{88EDD400-A9F0-4F1D-A751-248CBEB77044}"/>
            </ac:spMkLst>
          </pc:spChg>
          <pc:spChg chg="mod">
            <ac:chgData name="Jonas Bratseth" userId="7880613d-1198-4bca-afa6-2725a9958330" providerId="ADAL" clId="{95DE8DB2-18F4-433B-B35C-C72863037E4B}" dt="2021-04-27T05:47:54.867" v="1705" actId="790"/>
            <ac:spMkLst>
              <pc:docMk/>
              <pc:sldMasterMk cId="3187493390" sldId="2147483680"/>
              <pc:sldLayoutMk cId="3521125847" sldId="2147483703"/>
              <ac:spMk id="8" creationId="{1616B51D-CD6E-409B-8889-951D1E6807E5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15.538" v="2248"/>
          <pc:sldLayoutMkLst>
            <pc:docMk/>
            <pc:sldMasterMk cId="3187493390" sldId="2147483680"/>
            <pc:sldLayoutMk cId="612612124" sldId="2147483729"/>
          </pc:sldLayoutMkLst>
          <pc:spChg chg="mod">
            <ac:chgData name="Jonas Bratseth" userId="7880613d-1198-4bca-afa6-2725a9958330" providerId="ADAL" clId="{95DE8DB2-18F4-433B-B35C-C72863037E4B}" dt="2021-04-27T05:56:58.043" v="1968"/>
            <ac:spMkLst>
              <pc:docMk/>
              <pc:sldMasterMk cId="3187493390" sldId="2147483680"/>
              <pc:sldLayoutMk cId="612612124" sldId="214748372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5:13.986" v="2245"/>
            <ac:spMkLst>
              <pc:docMk/>
              <pc:sldMasterMk cId="3187493390" sldId="2147483680"/>
              <pc:sldLayoutMk cId="612612124" sldId="2147483729"/>
              <ac:spMk id="14" creationId="{1AB2B439-D573-4A4D-A84B-063BDFA746DB}"/>
            </ac:spMkLst>
          </pc:spChg>
          <pc:spChg chg="mod">
            <ac:chgData name="Jonas Bratseth" userId="7880613d-1198-4bca-afa6-2725a9958330" providerId="ADAL" clId="{95DE8DB2-18F4-433B-B35C-C72863037E4B}" dt="2021-04-27T05:47:54.805" v="1635" actId="790"/>
            <ac:spMkLst>
              <pc:docMk/>
              <pc:sldMasterMk cId="3187493390" sldId="2147483680"/>
              <pc:sldLayoutMk cId="612612124" sldId="2147483729"/>
              <ac:spMk id="15" creationId="{508FA48D-5A0A-444D-A93F-1AA25D763035}"/>
            </ac:spMkLst>
          </pc:spChg>
          <pc:spChg chg="mod">
            <ac:chgData name="Jonas Bratseth" userId="7880613d-1198-4bca-afa6-2725a9958330" providerId="ADAL" clId="{95DE8DB2-18F4-433B-B35C-C72863037E4B}" dt="2021-04-27T06:05:14.499" v="2246"/>
            <ac:spMkLst>
              <pc:docMk/>
              <pc:sldMasterMk cId="3187493390" sldId="2147483680"/>
              <pc:sldLayoutMk cId="612612124" sldId="2147483729"/>
              <ac:spMk id="17" creationId="{D4BE219F-1CAC-4387-9766-612B55A95D78}"/>
            </ac:spMkLst>
          </pc:spChg>
          <pc:spChg chg="mod">
            <ac:chgData name="Jonas Bratseth" userId="7880613d-1198-4bca-afa6-2725a9958330" providerId="ADAL" clId="{95DE8DB2-18F4-433B-B35C-C72863037E4B}" dt="2021-04-27T05:47:54.807" v="1637" actId="790"/>
            <ac:spMkLst>
              <pc:docMk/>
              <pc:sldMasterMk cId="3187493390" sldId="2147483680"/>
              <pc:sldLayoutMk cId="612612124" sldId="2147483729"/>
              <ac:spMk id="19" creationId="{919B3BBC-3D41-4921-8659-202A8101495E}"/>
            </ac:spMkLst>
          </pc:spChg>
          <pc:spChg chg="mod">
            <ac:chgData name="Jonas Bratseth" userId="7880613d-1198-4bca-afa6-2725a9958330" providerId="ADAL" clId="{95DE8DB2-18F4-433B-B35C-C72863037E4B}" dt="2021-04-27T05:47:54.807" v="1638" actId="790"/>
            <ac:spMkLst>
              <pc:docMk/>
              <pc:sldMasterMk cId="3187493390" sldId="2147483680"/>
              <pc:sldLayoutMk cId="612612124" sldId="2147483729"/>
              <ac:spMk id="20" creationId="{261063B8-8B1C-473D-BF7A-138131F03E62}"/>
            </ac:spMkLst>
          </pc:spChg>
          <pc:spChg chg="mod">
            <ac:chgData name="Jonas Bratseth" userId="7880613d-1198-4bca-afa6-2725a9958330" providerId="ADAL" clId="{95DE8DB2-18F4-433B-B35C-C72863037E4B}" dt="2021-04-27T06:05:14.937" v="2247"/>
            <ac:spMkLst>
              <pc:docMk/>
              <pc:sldMasterMk cId="3187493390" sldId="2147483680"/>
              <pc:sldLayoutMk cId="612612124" sldId="2147483729"/>
              <ac:spMk id="21" creationId="{37043883-16F3-4715-B742-AD1616825421}"/>
            </ac:spMkLst>
          </pc:spChg>
          <pc:spChg chg="mod">
            <ac:chgData name="Jonas Bratseth" userId="7880613d-1198-4bca-afa6-2725a9958330" providerId="ADAL" clId="{95DE8DB2-18F4-433B-B35C-C72863037E4B}" dt="2021-04-27T06:05:15.538" v="2248"/>
            <ac:spMkLst>
              <pc:docMk/>
              <pc:sldMasterMk cId="3187493390" sldId="2147483680"/>
              <pc:sldLayoutMk cId="612612124" sldId="2147483729"/>
              <ac:spMk id="22" creationId="{8303811B-6B5C-4101-B2A7-C55397A2F31E}"/>
            </ac:spMkLst>
          </pc:spChg>
          <pc:spChg chg="mod">
            <ac:chgData name="Jonas Bratseth" userId="7880613d-1198-4bca-afa6-2725a9958330" providerId="ADAL" clId="{95DE8DB2-18F4-433B-B35C-C72863037E4B}" dt="2021-04-27T05:47:54.807" v="1643" actId="790"/>
            <ac:spMkLst>
              <pc:docMk/>
              <pc:sldMasterMk cId="3187493390" sldId="2147483680"/>
              <pc:sldLayoutMk cId="612612124" sldId="2147483729"/>
              <ac:spMk id="23" creationId="{82868169-3410-4EF1-BA5F-429998274B2C}"/>
            </ac:spMkLst>
          </pc:spChg>
          <pc:spChg chg="mod">
            <ac:chgData name="Jonas Bratseth" userId="7880613d-1198-4bca-afa6-2725a9958330" providerId="ADAL" clId="{95DE8DB2-18F4-433B-B35C-C72863037E4B}" dt="2021-04-27T05:47:54.807" v="1644" actId="790"/>
            <ac:spMkLst>
              <pc:docMk/>
              <pc:sldMasterMk cId="3187493390" sldId="2147483680"/>
              <pc:sldLayoutMk cId="612612124" sldId="2147483729"/>
              <ac:spMk id="24" creationId="{941253DA-E054-452C-875C-704611FF0487}"/>
            </ac:spMkLst>
          </pc:spChg>
          <pc:spChg chg="mod">
            <ac:chgData name="Jonas Bratseth" userId="7880613d-1198-4bca-afa6-2725a9958330" providerId="ADAL" clId="{95DE8DB2-18F4-433B-B35C-C72863037E4B}" dt="2021-04-27T05:47:54.815" v="1645" actId="790"/>
            <ac:spMkLst>
              <pc:docMk/>
              <pc:sldMasterMk cId="3187493390" sldId="2147483680"/>
              <pc:sldLayoutMk cId="612612124" sldId="2147483729"/>
              <ac:spMk id="25" creationId="{E8DEF0CA-91D7-4F15-8F05-596680D750DB}"/>
            </ac:spMkLst>
          </pc:spChg>
          <pc:spChg chg="mod">
            <ac:chgData name="Jonas Bratseth" userId="7880613d-1198-4bca-afa6-2725a9958330" providerId="ADAL" clId="{95DE8DB2-18F4-433B-B35C-C72863037E4B}" dt="2021-04-27T05:47:54.817" v="1646" actId="790"/>
            <ac:spMkLst>
              <pc:docMk/>
              <pc:sldMasterMk cId="3187493390" sldId="2147483680"/>
              <pc:sldLayoutMk cId="612612124" sldId="2147483729"/>
              <ac:spMk id="26" creationId="{E5191FF9-C1C2-496E-B4D1-DDEB8CED6245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59.296" v="1969"/>
          <pc:sldLayoutMkLst>
            <pc:docMk/>
            <pc:sldMasterMk cId="3187493390" sldId="2147483680"/>
            <pc:sldLayoutMk cId="1721963667" sldId="2147483730"/>
          </pc:sldLayoutMkLst>
          <pc:spChg chg="mod">
            <ac:chgData name="Jonas Bratseth" userId="7880613d-1198-4bca-afa6-2725a9958330" providerId="ADAL" clId="{95DE8DB2-18F4-433B-B35C-C72863037E4B}" dt="2021-04-27T05:56:59.296" v="1969"/>
            <ac:spMkLst>
              <pc:docMk/>
              <pc:sldMasterMk cId="3187493390" sldId="2147483680"/>
              <pc:sldLayoutMk cId="1721963667" sldId="2147483730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17" v="1647" actId="790"/>
            <ac:spMkLst>
              <pc:docMk/>
              <pc:sldMasterMk cId="3187493390" sldId="2147483680"/>
              <pc:sldLayoutMk cId="1721963667" sldId="2147483730"/>
              <ac:spMk id="16" creationId="{AF9463BF-9611-4FCA-A904-40D95FB42B30}"/>
            </ac:spMkLst>
          </pc:spChg>
          <pc:spChg chg="mod">
            <ac:chgData name="Jonas Bratseth" userId="7880613d-1198-4bca-afa6-2725a9958330" providerId="ADAL" clId="{95DE8DB2-18F4-433B-B35C-C72863037E4B}" dt="2021-04-27T05:47:54.817" v="1651" actId="790"/>
            <ac:spMkLst>
              <pc:docMk/>
              <pc:sldMasterMk cId="3187493390" sldId="2147483680"/>
              <pc:sldLayoutMk cId="1721963667" sldId="2147483730"/>
              <ac:spMk id="17" creationId="{003D7BBE-8D01-4F71-8A29-6C8061DDD47E}"/>
            </ac:spMkLst>
          </pc:spChg>
          <pc:spChg chg="mod">
            <ac:chgData name="Jonas Bratseth" userId="7880613d-1198-4bca-afa6-2725a9958330" providerId="ADAL" clId="{95DE8DB2-18F4-433B-B35C-C72863037E4B}" dt="2021-04-27T05:47:54.817" v="1652" actId="790"/>
            <ac:spMkLst>
              <pc:docMk/>
              <pc:sldMasterMk cId="3187493390" sldId="2147483680"/>
              <pc:sldLayoutMk cId="1721963667" sldId="2147483730"/>
              <ac:spMk id="18" creationId="{91275FB3-AF6E-4E3B-B094-392FEF357B0C}"/>
            </ac:spMkLst>
          </pc:spChg>
          <pc:spChg chg="mod">
            <ac:chgData name="Jonas Bratseth" userId="7880613d-1198-4bca-afa6-2725a9958330" providerId="ADAL" clId="{95DE8DB2-18F4-433B-B35C-C72863037E4B}" dt="2021-04-27T05:47:54.817" v="1653" actId="790"/>
            <ac:spMkLst>
              <pc:docMk/>
              <pc:sldMasterMk cId="3187493390" sldId="2147483680"/>
              <pc:sldLayoutMk cId="1721963667" sldId="2147483730"/>
              <ac:spMk id="19" creationId="{E8D52CC8-28B8-4394-8F59-F5028F9CC345}"/>
            </ac:spMkLst>
          </pc:spChg>
          <pc:spChg chg="mod">
            <ac:chgData name="Jonas Bratseth" userId="7880613d-1198-4bca-afa6-2725a9958330" providerId="ADAL" clId="{95DE8DB2-18F4-433B-B35C-C72863037E4B}" dt="2021-04-27T05:47:54.817" v="1649" actId="790"/>
            <ac:spMkLst>
              <pc:docMk/>
              <pc:sldMasterMk cId="3187493390" sldId="2147483680"/>
              <pc:sldLayoutMk cId="1721963667" sldId="2147483730"/>
              <ac:spMk id="21" creationId="{1B66DEC5-A299-4233-BF59-D0200E69FC4B}"/>
            </ac:spMkLst>
          </pc:spChg>
          <pc:spChg chg="mod">
            <ac:chgData name="Jonas Bratseth" userId="7880613d-1198-4bca-afa6-2725a9958330" providerId="ADAL" clId="{95DE8DB2-18F4-433B-B35C-C72863037E4B}" dt="2021-04-27T05:47:54.817" v="1650" actId="790"/>
            <ac:spMkLst>
              <pc:docMk/>
              <pc:sldMasterMk cId="3187493390" sldId="2147483680"/>
              <pc:sldLayoutMk cId="1721963667" sldId="2147483730"/>
              <ac:spMk id="22" creationId="{36E6D055-A78F-43F7-99EB-B44D7879B8CF}"/>
            </ac:spMkLst>
          </pc:spChg>
          <pc:spChg chg="mod">
            <ac:chgData name="Jonas Bratseth" userId="7880613d-1198-4bca-afa6-2725a9958330" providerId="ADAL" clId="{95DE8DB2-18F4-433B-B35C-C72863037E4B}" dt="2021-04-27T05:47:54.817" v="1654" actId="790"/>
            <ac:spMkLst>
              <pc:docMk/>
              <pc:sldMasterMk cId="3187493390" sldId="2147483680"/>
              <pc:sldLayoutMk cId="1721963667" sldId="2147483730"/>
              <ac:spMk id="23" creationId="{DD6C3E75-5888-4772-809E-57DD8A0D5808}"/>
            </ac:spMkLst>
          </pc:spChg>
          <pc:spChg chg="mod">
            <ac:chgData name="Jonas Bratseth" userId="7880613d-1198-4bca-afa6-2725a9958330" providerId="ADAL" clId="{95DE8DB2-18F4-433B-B35C-C72863037E4B}" dt="2021-04-27T05:47:54.817" v="1655" actId="790"/>
            <ac:spMkLst>
              <pc:docMk/>
              <pc:sldMasterMk cId="3187493390" sldId="2147483680"/>
              <pc:sldLayoutMk cId="1721963667" sldId="2147483730"/>
              <ac:spMk id="24" creationId="{732A102E-C654-48D0-9A5E-0CAF2474263B}"/>
            </ac:spMkLst>
          </pc:spChg>
          <pc:spChg chg="mod">
            <ac:chgData name="Jonas Bratseth" userId="7880613d-1198-4bca-afa6-2725a9958330" providerId="ADAL" clId="{95DE8DB2-18F4-433B-B35C-C72863037E4B}" dt="2021-04-27T05:47:54.825" v="1656" actId="790"/>
            <ac:spMkLst>
              <pc:docMk/>
              <pc:sldMasterMk cId="3187493390" sldId="2147483680"/>
              <pc:sldLayoutMk cId="1721963667" sldId="2147483730"/>
              <ac:spMk id="25" creationId="{9CEDFA1A-4CCA-42FF-8B8F-E1F4A98C5258}"/>
            </ac:spMkLst>
          </pc:spChg>
          <pc:spChg chg="mod">
            <ac:chgData name="Jonas Bratseth" userId="7880613d-1198-4bca-afa6-2725a9958330" providerId="ADAL" clId="{95DE8DB2-18F4-433B-B35C-C72863037E4B}" dt="2021-04-27T05:47:54.827" v="1657" actId="790"/>
            <ac:spMkLst>
              <pc:docMk/>
              <pc:sldMasterMk cId="3187493390" sldId="2147483680"/>
              <pc:sldLayoutMk cId="1721963667" sldId="2147483730"/>
              <ac:spMk id="26" creationId="{2A7EE81D-44F6-4384-9947-8BF868574C50}"/>
            </ac:spMkLst>
          </pc:spChg>
          <pc:spChg chg="mod">
            <ac:chgData name="Jonas Bratseth" userId="7880613d-1198-4bca-afa6-2725a9958330" providerId="ADAL" clId="{95DE8DB2-18F4-433B-B35C-C72863037E4B}" dt="2021-04-27T05:47:54.827" v="1658" actId="790"/>
            <ac:spMkLst>
              <pc:docMk/>
              <pc:sldMasterMk cId="3187493390" sldId="2147483680"/>
              <pc:sldLayoutMk cId="1721963667" sldId="2147483730"/>
              <ac:spMk id="27" creationId="{79F8FB6E-D2F7-4EC5-87BD-1F47FBF6BF6E}"/>
            </ac:spMkLst>
          </pc:spChg>
          <pc:spChg chg="mod">
            <ac:chgData name="Jonas Bratseth" userId="7880613d-1198-4bca-afa6-2725a9958330" providerId="ADAL" clId="{95DE8DB2-18F4-433B-B35C-C72863037E4B}" dt="2021-04-27T05:47:54.827" v="1659" actId="790"/>
            <ac:spMkLst>
              <pc:docMk/>
              <pc:sldMasterMk cId="3187493390" sldId="2147483680"/>
              <pc:sldLayoutMk cId="1721963667" sldId="2147483730"/>
              <ac:spMk id="28" creationId="{26A0BB0C-C996-485F-8DF9-24F1D2020465}"/>
            </ac:spMkLst>
          </pc:spChg>
          <pc:spChg chg="mod">
            <ac:chgData name="Jonas Bratseth" userId="7880613d-1198-4bca-afa6-2725a9958330" providerId="ADAL" clId="{95DE8DB2-18F4-433B-B35C-C72863037E4B}" dt="2021-04-27T05:47:54.835" v="1660" actId="790"/>
            <ac:spMkLst>
              <pc:docMk/>
              <pc:sldMasterMk cId="3187493390" sldId="2147483680"/>
              <pc:sldLayoutMk cId="1721963667" sldId="2147483730"/>
              <ac:spMk id="29" creationId="{34DFE7FF-F7C3-47DC-87B4-8B3F8FDDC81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6:52.936" v="1963"/>
          <pc:sldLayoutMkLst>
            <pc:docMk/>
            <pc:sldMasterMk cId="3187493390" sldId="2147483680"/>
            <pc:sldLayoutMk cId="3940216924" sldId="2147483743"/>
          </pc:sldLayoutMkLst>
          <pc:spChg chg="mod">
            <ac:chgData name="Jonas Bratseth" userId="7880613d-1198-4bca-afa6-2725a9958330" providerId="ADAL" clId="{95DE8DB2-18F4-433B-B35C-C72863037E4B}" dt="2021-04-27T05:56:52.936" v="1963"/>
            <ac:spMkLst>
              <pc:docMk/>
              <pc:sldMasterMk cId="3187493390" sldId="2147483680"/>
              <pc:sldLayoutMk cId="3940216924" sldId="214748374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85" v="1615" actId="790"/>
            <ac:spMkLst>
              <pc:docMk/>
              <pc:sldMasterMk cId="3187493390" sldId="2147483680"/>
              <pc:sldLayoutMk cId="3940216924" sldId="2147483743"/>
              <ac:spMk id="7" creationId="{F444DAB5-754B-4A6F-B710-754439ADFDD0}"/>
            </ac:spMkLst>
          </pc:spChg>
          <pc:spChg chg="mod">
            <ac:chgData name="Jonas Bratseth" userId="7880613d-1198-4bca-afa6-2725a9958330" providerId="ADAL" clId="{95DE8DB2-18F4-433B-B35C-C72863037E4B}" dt="2021-04-27T05:47:54.787" v="1616" actId="790"/>
            <ac:spMkLst>
              <pc:docMk/>
              <pc:sldMasterMk cId="3187493390" sldId="2147483680"/>
              <pc:sldLayoutMk cId="3940216924" sldId="2147483743"/>
              <ac:spMk id="8" creationId="{3A8F863F-3ACF-4957-A9A6-A89D8AA0A874}"/>
            </ac:spMkLst>
          </pc:spChg>
          <pc:spChg chg="mod">
            <ac:chgData name="Jonas Bratseth" userId="7880613d-1198-4bca-afa6-2725a9958330" providerId="ADAL" clId="{95DE8DB2-18F4-433B-B35C-C72863037E4B}" dt="2021-04-27T05:47:54.777" v="1613" actId="790"/>
            <ac:spMkLst>
              <pc:docMk/>
              <pc:sldMasterMk cId="3187493390" sldId="2147483680"/>
              <pc:sldLayoutMk cId="3940216924" sldId="2147483743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777" v="1611" actId="790"/>
            <ac:spMkLst>
              <pc:docMk/>
              <pc:sldMasterMk cId="3187493390" sldId="2147483680"/>
              <pc:sldLayoutMk cId="3940216924" sldId="2147483743"/>
              <ac:spMk id="10" creationId="{5CD7B0C3-2697-4946-8F40-CCF394F9F026}"/>
            </ac:spMkLst>
          </pc:spChg>
          <pc:spChg chg="mod">
            <ac:chgData name="Jonas Bratseth" userId="7880613d-1198-4bca-afa6-2725a9958330" providerId="ADAL" clId="{95DE8DB2-18F4-433B-B35C-C72863037E4B}" dt="2021-04-27T05:47:54.785" v="1614" actId="790"/>
            <ac:spMkLst>
              <pc:docMk/>
              <pc:sldMasterMk cId="3187493390" sldId="2147483680"/>
              <pc:sldLayoutMk cId="3940216924" sldId="2147483743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10.697" v="2241"/>
          <pc:sldLayoutMkLst>
            <pc:docMk/>
            <pc:sldMasterMk cId="3187493390" sldId="2147483680"/>
            <pc:sldLayoutMk cId="2160389741" sldId="2147483744"/>
          </pc:sldLayoutMkLst>
          <pc:spChg chg="mod">
            <ac:chgData name="Jonas Bratseth" userId="7880613d-1198-4bca-afa6-2725a9958330" providerId="ADAL" clId="{95DE8DB2-18F4-433B-B35C-C72863037E4B}" dt="2021-04-27T05:56:54.105" v="1964"/>
            <ac:spMkLst>
              <pc:docMk/>
              <pc:sldMasterMk cId="3187493390" sldId="2147483680"/>
              <pc:sldLayoutMk cId="2160389741" sldId="214748374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787" v="1620" actId="790"/>
            <ac:spMkLst>
              <pc:docMk/>
              <pc:sldMasterMk cId="3187493390" sldId="2147483680"/>
              <pc:sldLayoutMk cId="2160389741" sldId="2147483744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787" v="1619" actId="790"/>
            <ac:spMkLst>
              <pc:docMk/>
              <pc:sldMasterMk cId="3187493390" sldId="2147483680"/>
              <pc:sldLayoutMk cId="2160389741" sldId="2147483744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787" v="1621" actId="790"/>
            <ac:spMkLst>
              <pc:docMk/>
              <pc:sldMasterMk cId="3187493390" sldId="2147483680"/>
              <pc:sldLayoutMk cId="2160389741" sldId="2147483744"/>
              <ac:spMk id="11" creationId="{A438A2C9-456E-4D4E-94D6-AED12A02C14C}"/>
            </ac:spMkLst>
          </pc:spChg>
          <pc:spChg chg="mod">
            <ac:chgData name="Jonas Bratseth" userId="7880613d-1198-4bca-afa6-2725a9958330" providerId="ADAL" clId="{95DE8DB2-18F4-433B-B35C-C72863037E4B}" dt="2021-04-27T05:47:54.787" v="1622" actId="790"/>
            <ac:spMkLst>
              <pc:docMk/>
              <pc:sldMasterMk cId="3187493390" sldId="2147483680"/>
              <pc:sldLayoutMk cId="2160389741" sldId="2147483744"/>
              <ac:spMk id="12" creationId="{0EE22A6A-0A3A-4F38-94A9-28038AC019E0}"/>
            </ac:spMkLst>
          </pc:spChg>
          <pc:spChg chg="mod">
            <ac:chgData name="Jonas Bratseth" userId="7880613d-1198-4bca-afa6-2725a9958330" providerId="ADAL" clId="{95DE8DB2-18F4-433B-B35C-C72863037E4B}" dt="2021-04-27T05:47:54.787" v="1617" actId="790"/>
            <ac:spMkLst>
              <pc:docMk/>
              <pc:sldMasterMk cId="3187493390" sldId="2147483680"/>
              <pc:sldLayoutMk cId="2160389741" sldId="2147483744"/>
              <ac:spMk id="13" creationId="{A27D1D27-C10F-42B6-8E25-F990C63B7924}"/>
            </ac:spMkLst>
          </pc:spChg>
          <pc:spChg chg="mod">
            <ac:chgData name="Jonas Bratseth" userId="7880613d-1198-4bca-afa6-2725a9958330" providerId="ADAL" clId="{95DE8DB2-18F4-433B-B35C-C72863037E4B}" dt="2021-04-27T06:05:10.112" v="2240"/>
            <ac:spMkLst>
              <pc:docMk/>
              <pc:sldMasterMk cId="3187493390" sldId="2147483680"/>
              <pc:sldLayoutMk cId="2160389741" sldId="2147483744"/>
              <ac:spMk id="14" creationId="{80D5125D-6947-4701-B918-DA187B814116}"/>
            </ac:spMkLst>
          </pc:spChg>
          <pc:spChg chg="mod">
            <ac:chgData name="Jonas Bratseth" userId="7880613d-1198-4bca-afa6-2725a9958330" providerId="ADAL" clId="{95DE8DB2-18F4-433B-B35C-C72863037E4B}" dt="2021-04-27T06:05:10.697" v="2241"/>
            <ac:spMkLst>
              <pc:docMk/>
              <pc:sldMasterMk cId="3187493390" sldId="2147483680"/>
              <pc:sldLayoutMk cId="2160389741" sldId="2147483744"/>
              <ac:spMk id="15" creationId="{928FB9B0-B427-4A39-AF0B-4055164E3F6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7:00.429" v="1970"/>
          <pc:sldLayoutMkLst>
            <pc:docMk/>
            <pc:sldMasterMk cId="3187493390" sldId="2147483680"/>
            <pc:sldLayoutMk cId="3914837304" sldId="2147483745"/>
          </pc:sldLayoutMkLst>
          <pc:spChg chg="mod">
            <ac:chgData name="Jonas Bratseth" userId="7880613d-1198-4bca-afa6-2725a9958330" providerId="ADAL" clId="{95DE8DB2-18F4-433B-B35C-C72863037E4B}" dt="2021-04-27T05:57:00.429" v="1970"/>
            <ac:spMkLst>
              <pc:docMk/>
              <pc:sldMasterMk cId="3187493390" sldId="2147483680"/>
              <pc:sldLayoutMk cId="3914837304" sldId="214748374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37" v="1663" actId="790"/>
            <ac:spMkLst>
              <pc:docMk/>
              <pc:sldMasterMk cId="3187493390" sldId="2147483680"/>
              <pc:sldLayoutMk cId="3914837304" sldId="2147483745"/>
              <ac:spMk id="10" creationId="{47B43333-FEED-49FB-BE24-313277381374}"/>
            </ac:spMkLst>
          </pc:spChg>
          <pc:spChg chg="mod">
            <ac:chgData name="Jonas Bratseth" userId="7880613d-1198-4bca-afa6-2725a9958330" providerId="ADAL" clId="{95DE8DB2-18F4-433B-B35C-C72863037E4B}" dt="2021-04-27T05:47:54.837" v="1664" actId="790"/>
            <ac:spMkLst>
              <pc:docMk/>
              <pc:sldMasterMk cId="3187493390" sldId="2147483680"/>
              <pc:sldLayoutMk cId="3914837304" sldId="2147483745"/>
              <ac:spMk id="11" creationId="{2FD57A55-73BA-450A-9273-24975A7F5ED6}"/>
            </ac:spMkLst>
          </pc:spChg>
          <pc:spChg chg="mod">
            <ac:chgData name="Jonas Bratseth" userId="7880613d-1198-4bca-afa6-2725a9958330" providerId="ADAL" clId="{95DE8DB2-18F4-433B-B35C-C72863037E4B}" dt="2021-04-27T05:47:54.837" v="1665" actId="790"/>
            <ac:spMkLst>
              <pc:docMk/>
              <pc:sldMasterMk cId="3187493390" sldId="2147483680"/>
              <pc:sldLayoutMk cId="3914837304" sldId="2147483745"/>
              <ac:spMk id="12" creationId="{BA8E9A2D-4161-4A14-9E69-5A8957C4AAE6}"/>
            </ac:spMkLst>
          </pc:spChg>
          <pc:spChg chg="mod">
            <ac:chgData name="Jonas Bratseth" userId="7880613d-1198-4bca-afa6-2725a9958330" providerId="ADAL" clId="{95DE8DB2-18F4-433B-B35C-C72863037E4B}" dt="2021-04-27T05:47:54.837" v="1666" actId="790"/>
            <ac:spMkLst>
              <pc:docMk/>
              <pc:sldMasterMk cId="3187493390" sldId="2147483680"/>
              <pc:sldLayoutMk cId="3914837304" sldId="2147483745"/>
              <ac:spMk id="13" creationId="{5E489AFF-3FB5-47A1-BFB6-6130AB1CA4DA}"/>
            </ac:spMkLst>
          </pc:spChg>
          <pc:spChg chg="mod">
            <ac:chgData name="Jonas Bratseth" userId="7880613d-1198-4bca-afa6-2725a9958330" providerId="ADAL" clId="{95DE8DB2-18F4-433B-B35C-C72863037E4B}" dt="2021-04-27T05:47:54.835" v="1661" actId="790"/>
            <ac:spMkLst>
              <pc:docMk/>
              <pc:sldMasterMk cId="3187493390" sldId="2147483680"/>
              <pc:sldLayoutMk cId="3914837304" sldId="2147483745"/>
              <ac:spMk id="14" creationId="{E0948455-6B92-416A-A5C5-D13B7F0F7BD7}"/>
            </ac:spMkLst>
          </pc:spChg>
          <pc:spChg chg="mod">
            <ac:chgData name="Jonas Bratseth" userId="7880613d-1198-4bca-afa6-2725a9958330" providerId="ADAL" clId="{95DE8DB2-18F4-433B-B35C-C72863037E4B}" dt="2021-04-27T05:47:54.837" v="1667" actId="790"/>
            <ac:spMkLst>
              <pc:docMk/>
              <pc:sldMasterMk cId="3187493390" sldId="2147483680"/>
              <pc:sldLayoutMk cId="3914837304" sldId="2147483745"/>
              <ac:spMk id="17" creationId="{4F4CAE21-B3FD-4DB8-BD7A-BAD99D908175}"/>
            </ac:spMkLst>
          </pc:spChg>
          <pc:spChg chg="mod">
            <ac:chgData name="Jonas Bratseth" userId="7880613d-1198-4bca-afa6-2725a9958330" providerId="ADAL" clId="{95DE8DB2-18F4-433B-B35C-C72863037E4B}" dt="2021-04-27T05:47:54.845" v="1668" actId="790"/>
            <ac:spMkLst>
              <pc:docMk/>
              <pc:sldMasterMk cId="3187493390" sldId="2147483680"/>
              <pc:sldLayoutMk cId="3914837304" sldId="2147483745"/>
              <ac:spMk id="18" creationId="{1C795150-07CA-4DB9-B9BC-4F50029751A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20.324" v="2252"/>
          <pc:sldLayoutMkLst>
            <pc:docMk/>
            <pc:sldMasterMk cId="3187493390" sldId="2147483680"/>
            <pc:sldLayoutMk cId="816892688" sldId="2147483746"/>
          </pc:sldLayoutMkLst>
          <pc:spChg chg="mod">
            <ac:chgData name="Jonas Bratseth" userId="7880613d-1198-4bca-afa6-2725a9958330" providerId="ADAL" clId="{95DE8DB2-18F4-433B-B35C-C72863037E4B}" dt="2021-04-27T05:57:01.515" v="1971"/>
            <ac:spMkLst>
              <pc:docMk/>
              <pc:sldMasterMk cId="3187493390" sldId="2147483680"/>
              <pc:sldLayoutMk cId="816892688" sldId="214748374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45" v="1669" actId="790"/>
            <ac:spMkLst>
              <pc:docMk/>
              <pc:sldMasterMk cId="3187493390" sldId="2147483680"/>
              <pc:sldLayoutMk cId="816892688" sldId="2147483746"/>
              <ac:spMk id="14" creationId="{D4C7EB17-49CD-4802-9E65-5D00F307D2C2}"/>
            </ac:spMkLst>
          </pc:spChg>
          <pc:spChg chg="mod">
            <ac:chgData name="Jonas Bratseth" userId="7880613d-1198-4bca-afa6-2725a9958330" providerId="ADAL" clId="{95DE8DB2-18F4-433B-B35C-C72863037E4B}" dt="2021-04-27T05:47:54.847" v="1671" actId="790"/>
            <ac:spMkLst>
              <pc:docMk/>
              <pc:sldMasterMk cId="3187493390" sldId="2147483680"/>
              <pc:sldLayoutMk cId="816892688" sldId="2147483746"/>
              <ac:spMk id="19" creationId="{A2C02546-FB88-4A2F-8539-75C6D57D7B88}"/>
            </ac:spMkLst>
          </pc:spChg>
          <pc:spChg chg="mod">
            <ac:chgData name="Jonas Bratseth" userId="7880613d-1198-4bca-afa6-2725a9958330" providerId="ADAL" clId="{95DE8DB2-18F4-433B-B35C-C72863037E4B}" dt="2021-04-27T05:47:54.847" v="1672" actId="790"/>
            <ac:spMkLst>
              <pc:docMk/>
              <pc:sldMasterMk cId="3187493390" sldId="2147483680"/>
              <pc:sldLayoutMk cId="816892688" sldId="2147483746"/>
              <ac:spMk id="22" creationId="{D9E60C3C-3A07-409E-8AE9-F1074D1BA138}"/>
            </ac:spMkLst>
          </pc:spChg>
          <pc:spChg chg="mod">
            <ac:chgData name="Jonas Bratseth" userId="7880613d-1198-4bca-afa6-2725a9958330" providerId="ADAL" clId="{95DE8DB2-18F4-433B-B35C-C72863037E4B}" dt="2021-04-27T06:05:18.774" v="2249"/>
            <ac:spMkLst>
              <pc:docMk/>
              <pc:sldMasterMk cId="3187493390" sldId="2147483680"/>
              <pc:sldLayoutMk cId="816892688" sldId="2147483746"/>
              <ac:spMk id="25" creationId="{0162996C-1B26-43A7-961C-49071E860FE8}"/>
            </ac:spMkLst>
          </pc:spChg>
          <pc:spChg chg="mod">
            <ac:chgData name="Jonas Bratseth" userId="7880613d-1198-4bca-afa6-2725a9958330" providerId="ADAL" clId="{95DE8DB2-18F4-433B-B35C-C72863037E4B}" dt="2021-04-27T05:47:54.847" v="1674" actId="790"/>
            <ac:spMkLst>
              <pc:docMk/>
              <pc:sldMasterMk cId="3187493390" sldId="2147483680"/>
              <pc:sldLayoutMk cId="816892688" sldId="2147483746"/>
              <ac:spMk id="28" creationId="{08CDEE43-C4A1-40B4-A181-814C95445C9B}"/>
            </ac:spMkLst>
          </pc:spChg>
          <pc:spChg chg="mod">
            <ac:chgData name="Jonas Bratseth" userId="7880613d-1198-4bca-afa6-2725a9958330" providerId="ADAL" clId="{95DE8DB2-18F4-433B-B35C-C72863037E4B}" dt="2021-04-27T06:05:19.163" v="2250"/>
            <ac:spMkLst>
              <pc:docMk/>
              <pc:sldMasterMk cId="3187493390" sldId="2147483680"/>
              <pc:sldLayoutMk cId="816892688" sldId="2147483746"/>
              <ac:spMk id="29" creationId="{89C3D278-CD6A-457C-9885-46C0CCA9194B}"/>
            </ac:spMkLst>
          </pc:spChg>
          <pc:spChg chg="mod">
            <ac:chgData name="Jonas Bratseth" userId="7880613d-1198-4bca-afa6-2725a9958330" providerId="ADAL" clId="{95DE8DB2-18F4-433B-B35C-C72863037E4B}" dt="2021-04-27T05:47:54.847" v="1676" actId="790"/>
            <ac:spMkLst>
              <pc:docMk/>
              <pc:sldMasterMk cId="3187493390" sldId="2147483680"/>
              <pc:sldLayoutMk cId="816892688" sldId="2147483746"/>
              <ac:spMk id="30" creationId="{9717C183-5160-4167-BAA6-2A8B3C495C31}"/>
            </ac:spMkLst>
          </pc:spChg>
          <pc:spChg chg="mod">
            <ac:chgData name="Jonas Bratseth" userId="7880613d-1198-4bca-afa6-2725a9958330" providerId="ADAL" clId="{95DE8DB2-18F4-433B-B35C-C72863037E4B}" dt="2021-04-27T06:05:19.692" v="2251"/>
            <ac:spMkLst>
              <pc:docMk/>
              <pc:sldMasterMk cId="3187493390" sldId="2147483680"/>
              <pc:sldLayoutMk cId="816892688" sldId="2147483746"/>
              <ac:spMk id="31" creationId="{6A798247-A50A-4CDA-A213-AFA93BA8869E}"/>
            </ac:spMkLst>
          </pc:spChg>
          <pc:spChg chg="mod">
            <ac:chgData name="Jonas Bratseth" userId="7880613d-1198-4bca-afa6-2725a9958330" providerId="ADAL" clId="{95DE8DB2-18F4-433B-B35C-C72863037E4B}" dt="2021-04-27T05:47:54.847" v="1678" actId="790"/>
            <ac:spMkLst>
              <pc:docMk/>
              <pc:sldMasterMk cId="3187493390" sldId="2147483680"/>
              <pc:sldLayoutMk cId="816892688" sldId="2147483746"/>
              <ac:spMk id="33" creationId="{309617A7-149B-490A-B293-63C814CE6803}"/>
            </ac:spMkLst>
          </pc:spChg>
          <pc:spChg chg="mod">
            <ac:chgData name="Jonas Bratseth" userId="7880613d-1198-4bca-afa6-2725a9958330" providerId="ADAL" clId="{95DE8DB2-18F4-433B-B35C-C72863037E4B}" dt="2021-04-27T06:05:20.324" v="2252"/>
            <ac:spMkLst>
              <pc:docMk/>
              <pc:sldMasterMk cId="3187493390" sldId="2147483680"/>
              <pc:sldLayoutMk cId="816892688" sldId="2147483746"/>
              <ac:spMk id="35" creationId="{6E1031E6-665F-444C-BCC3-43C37743A121}"/>
            </ac:spMkLst>
          </pc:spChg>
          <pc:spChg chg="mod">
            <ac:chgData name="Jonas Bratseth" userId="7880613d-1198-4bca-afa6-2725a9958330" providerId="ADAL" clId="{95DE8DB2-18F4-433B-B35C-C72863037E4B}" dt="2021-04-27T05:47:54.847" v="1680" actId="790"/>
            <ac:spMkLst>
              <pc:docMk/>
              <pc:sldMasterMk cId="3187493390" sldId="2147483680"/>
              <pc:sldLayoutMk cId="816892688" sldId="2147483746"/>
              <ac:spMk id="37" creationId="{D7DAA4C6-B163-4FC9-871E-B25A0C93FA2E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23.566" v="2256"/>
          <pc:sldLayoutMkLst>
            <pc:docMk/>
            <pc:sldMasterMk cId="3187493390" sldId="2147483680"/>
            <pc:sldLayoutMk cId="2648024836" sldId="2147483747"/>
          </pc:sldLayoutMkLst>
          <pc:spChg chg="mod">
            <ac:chgData name="Jonas Bratseth" userId="7880613d-1198-4bca-afa6-2725a9958330" providerId="ADAL" clId="{95DE8DB2-18F4-433B-B35C-C72863037E4B}" dt="2021-04-27T05:57:02.631" v="1972"/>
            <ac:spMkLst>
              <pc:docMk/>
              <pc:sldMasterMk cId="3187493390" sldId="2147483680"/>
              <pc:sldLayoutMk cId="2648024836" sldId="214748374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55" v="1681" actId="790"/>
            <ac:spMkLst>
              <pc:docMk/>
              <pc:sldMasterMk cId="3187493390" sldId="2147483680"/>
              <pc:sldLayoutMk cId="2648024836" sldId="2147483747"/>
              <ac:spMk id="18" creationId="{8EAD0E29-8F74-4988-BBA5-045620273214}"/>
            </ac:spMkLst>
          </pc:spChg>
          <pc:spChg chg="mod">
            <ac:chgData name="Jonas Bratseth" userId="7880613d-1198-4bca-afa6-2725a9958330" providerId="ADAL" clId="{95DE8DB2-18F4-433B-B35C-C72863037E4B}" dt="2021-04-27T06:05:21.710" v="2253"/>
            <ac:spMkLst>
              <pc:docMk/>
              <pc:sldMasterMk cId="3187493390" sldId="2147483680"/>
              <pc:sldLayoutMk cId="2648024836" sldId="2147483747"/>
              <ac:spMk id="19" creationId="{922518DF-DEFB-49ED-BAA2-08B2CF16FAC5}"/>
            </ac:spMkLst>
          </pc:spChg>
          <pc:spChg chg="mod">
            <ac:chgData name="Jonas Bratseth" userId="7880613d-1198-4bca-afa6-2725a9958330" providerId="ADAL" clId="{95DE8DB2-18F4-433B-B35C-C72863037E4B}" dt="2021-04-27T05:47:54.857" v="1687" actId="790"/>
            <ac:spMkLst>
              <pc:docMk/>
              <pc:sldMasterMk cId="3187493390" sldId="2147483680"/>
              <pc:sldLayoutMk cId="2648024836" sldId="2147483747"/>
              <ac:spMk id="21" creationId="{0C772AAB-162D-415B-AD04-9197D0E931EA}"/>
            </ac:spMkLst>
          </pc:spChg>
          <pc:spChg chg="mod">
            <ac:chgData name="Jonas Bratseth" userId="7880613d-1198-4bca-afa6-2725a9958330" providerId="ADAL" clId="{95DE8DB2-18F4-433B-B35C-C72863037E4B}" dt="2021-04-27T05:47:54.857" v="1688" actId="790"/>
            <ac:spMkLst>
              <pc:docMk/>
              <pc:sldMasterMk cId="3187493390" sldId="2147483680"/>
              <pc:sldLayoutMk cId="2648024836" sldId="2147483747"/>
              <ac:spMk id="22" creationId="{8FDE23EB-7781-47C5-8E9D-5ECB5CACE725}"/>
            </ac:spMkLst>
          </pc:spChg>
          <pc:spChg chg="mod">
            <ac:chgData name="Jonas Bratseth" userId="7880613d-1198-4bca-afa6-2725a9958330" providerId="ADAL" clId="{95DE8DB2-18F4-433B-B35C-C72863037E4B}" dt="2021-04-27T06:00:30.245" v="2104"/>
            <ac:spMkLst>
              <pc:docMk/>
              <pc:sldMasterMk cId="3187493390" sldId="2147483680"/>
              <pc:sldLayoutMk cId="2648024836" sldId="2147483747"/>
              <ac:spMk id="23" creationId="{3E388245-6EB2-437A-B883-04BFEAFC555A}"/>
            </ac:spMkLst>
          </pc:spChg>
          <pc:spChg chg="mod">
            <ac:chgData name="Jonas Bratseth" userId="7880613d-1198-4bca-afa6-2725a9958330" providerId="ADAL" clId="{95DE8DB2-18F4-433B-B35C-C72863037E4B}" dt="2021-04-27T06:05:22.280" v="2254"/>
            <ac:spMkLst>
              <pc:docMk/>
              <pc:sldMasterMk cId="3187493390" sldId="2147483680"/>
              <pc:sldLayoutMk cId="2648024836" sldId="2147483747"/>
              <ac:spMk id="25" creationId="{6B23AD2F-8AE3-4CA8-B3C0-335391494AAC}"/>
            </ac:spMkLst>
          </pc:spChg>
          <pc:spChg chg="mod">
            <ac:chgData name="Jonas Bratseth" userId="7880613d-1198-4bca-afa6-2725a9958330" providerId="ADAL" clId="{95DE8DB2-18F4-433B-B35C-C72863037E4B}" dt="2021-04-27T06:00:30.993" v="2105"/>
            <ac:spMkLst>
              <pc:docMk/>
              <pc:sldMasterMk cId="3187493390" sldId="2147483680"/>
              <pc:sldLayoutMk cId="2648024836" sldId="2147483747"/>
              <ac:spMk id="26" creationId="{21D50F64-AE70-4C8E-8972-E0D842014B9D}"/>
            </ac:spMkLst>
          </pc:spChg>
          <pc:spChg chg="mod">
            <ac:chgData name="Jonas Bratseth" userId="7880613d-1198-4bca-afa6-2725a9958330" providerId="ADAL" clId="{95DE8DB2-18F4-433B-B35C-C72863037E4B}" dt="2021-04-27T06:05:22.897" v="2255"/>
            <ac:spMkLst>
              <pc:docMk/>
              <pc:sldMasterMk cId="3187493390" sldId="2147483680"/>
              <pc:sldLayoutMk cId="2648024836" sldId="2147483747"/>
              <ac:spMk id="28" creationId="{85B76F5C-4718-4C5C-8DE6-74F30FB0730B}"/>
            </ac:spMkLst>
          </pc:spChg>
          <pc:spChg chg="mod">
            <ac:chgData name="Jonas Bratseth" userId="7880613d-1198-4bca-afa6-2725a9958330" providerId="ADAL" clId="{95DE8DB2-18F4-433B-B35C-C72863037E4B}" dt="2021-04-27T06:00:31.765" v="2106"/>
            <ac:spMkLst>
              <pc:docMk/>
              <pc:sldMasterMk cId="3187493390" sldId="2147483680"/>
              <pc:sldLayoutMk cId="2648024836" sldId="2147483747"/>
              <ac:spMk id="29" creationId="{E5FC2B97-FD5C-4B1B-83C4-D5E8EBA684B1}"/>
            </ac:spMkLst>
          </pc:spChg>
          <pc:spChg chg="mod">
            <ac:chgData name="Jonas Bratseth" userId="7880613d-1198-4bca-afa6-2725a9958330" providerId="ADAL" clId="{95DE8DB2-18F4-433B-B35C-C72863037E4B}" dt="2021-04-27T06:05:23.566" v="2256"/>
            <ac:spMkLst>
              <pc:docMk/>
              <pc:sldMasterMk cId="3187493390" sldId="2147483680"/>
              <pc:sldLayoutMk cId="2648024836" sldId="2147483747"/>
              <ac:spMk id="31" creationId="{2594CEE0-C22F-41AE-9205-BC548E9BDF1B}"/>
            </ac:spMkLst>
          </pc:spChg>
          <pc:spChg chg="mod">
            <ac:chgData name="Jonas Bratseth" userId="7880613d-1198-4bca-afa6-2725a9958330" providerId="ADAL" clId="{95DE8DB2-18F4-433B-B35C-C72863037E4B}" dt="2021-04-27T06:00:32.487" v="2107"/>
            <ac:spMkLst>
              <pc:docMk/>
              <pc:sldMasterMk cId="3187493390" sldId="2147483680"/>
              <pc:sldLayoutMk cId="2648024836" sldId="2147483747"/>
              <ac:spMk id="32" creationId="{94AA23CF-C5D4-4D0B-9372-C27D91E65DD7}"/>
            </ac:spMkLst>
          </pc:spChg>
          <pc:spChg chg="mod">
            <ac:chgData name="Jonas Bratseth" userId="7880613d-1198-4bca-afa6-2725a9958330" providerId="ADAL" clId="{95DE8DB2-18F4-433B-B35C-C72863037E4B}" dt="2021-04-27T05:47:54.855" v="1682" actId="790"/>
            <ac:spMkLst>
              <pc:docMk/>
              <pc:sldMasterMk cId="3187493390" sldId="2147483680"/>
              <pc:sldLayoutMk cId="2648024836" sldId="2147483747"/>
              <ac:spMk id="33" creationId="{391A1907-587F-4AC5-AC4B-C4922EBE1534}"/>
            </ac:spMkLst>
          </pc:spChg>
          <pc:spChg chg="mod">
            <ac:chgData name="Jonas Bratseth" userId="7880613d-1198-4bca-afa6-2725a9958330" providerId="ADAL" clId="{95DE8DB2-18F4-433B-B35C-C72863037E4B}" dt="2021-04-27T05:47:54.855" v="1683" actId="790"/>
            <ac:spMkLst>
              <pc:docMk/>
              <pc:sldMasterMk cId="3187493390" sldId="2147483680"/>
              <pc:sldLayoutMk cId="2648024836" sldId="2147483747"/>
              <ac:spMk id="34" creationId="{78F095F2-1200-4153-B40B-6070DBD68D25}"/>
            </ac:spMkLst>
          </pc:spChg>
          <pc:spChg chg="mod">
            <ac:chgData name="Jonas Bratseth" userId="7880613d-1198-4bca-afa6-2725a9958330" providerId="ADAL" clId="{95DE8DB2-18F4-433B-B35C-C72863037E4B}" dt="2021-04-27T05:47:54.857" v="1684" actId="790"/>
            <ac:spMkLst>
              <pc:docMk/>
              <pc:sldMasterMk cId="3187493390" sldId="2147483680"/>
              <pc:sldLayoutMk cId="2648024836" sldId="2147483747"/>
              <ac:spMk id="35" creationId="{EE83CFFA-FA28-4227-B7FD-3CE7E3B02A3A}"/>
            </ac:spMkLst>
          </pc:spChg>
          <pc:spChg chg="mod">
            <ac:chgData name="Jonas Bratseth" userId="7880613d-1198-4bca-afa6-2725a9958330" providerId="ADAL" clId="{95DE8DB2-18F4-433B-B35C-C72863037E4B}" dt="2021-04-27T05:47:54.857" v="1685" actId="790"/>
            <ac:spMkLst>
              <pc:docMk/>
              <pc:sldMasterMk cId="3187493390" sldId="2147483680"/>
              <pc:sldLayoutMk cId="2648024836" sldId="2147483747"/>
              <ac:spMk id="36" creationId="{4D32ADBD-5B56-428B-A199-9AB7822E3771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5:26.471" v="2260"/>
          <pc:sldLayoutMkLst>
            <pc:docMk/>
            <pc:sldMasterMk cId="3187493390" sldId="2147483680"/>
            <pc:sldLayoutMk cId="3710491815" sldId="2147483788"/>
          </pc:sldLayoutMkLst>
          <pc:spChg chg="mod">
            <ac:chgData name="Jonas Bratseth" userId="7880613d-1198-4bca-afa6-2725a9958330" providerId="ADAL" clId="{95DE8DB2-18F4-433B-B35C-C72863037E4B}" dt="2021-04-27T05:57:03.726" v="1973"/>
            <ac:spMkLst>
              <pc:docMk/>
              <pc:sldMasterMk cId="3187493390" sldId="2147483680"/>
              <pc:sldLayoutMk cId="3710491815" sldId="2147483788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865" v="1695" actId="790"/>
            <ac:spMkLst>
              <pc:docMk/>
              <pc:sldMasterMk cId="3187493390" sldId="2147483680"/>
              <pc:sldLayoutMk cId="3710491815" sldId="2147483788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867" v="1703" actId="790"/>
            <ac:spMkLst>
              <pc:docMk/>
              <pc:sldMasterMk cId="3187493390" sldId="2147483680"/>
              <pc:sldLayoutMk cId="3710491815" sldId="2147483788"/>
              <ac:spMk id="13" creationId="{90A882E4-74CE-4D92-BC8D-06B977AEB64A}"/>
            </ac:spMkLst>
          </pc:spChg>
          <pc:spChg chg="mod">
            <ac:chgData name="Jonas Bratseth" userId="7880613d-1198-4bca-afa6-2725a9958330" providerId="ADAL" clId="{95DE8DB2-18F4-433B-B35C-C72863037E4B}" dt="2021-04-27T05:47:54.867" v="1704" actId="790"/>
            <ac:spMkLst>
              <pc:docMk/>
              <pc:sldMasterMk cId="3187493390" sldId="2147483680"/>
              <pc:sldLayoutMk cId="3710491815" sldId="2147483788"/>
              <ac:spMk id="14" creationId="{0B11BCFA-81AC-404C-B12E-AB24A852C210}"/>
            </ac:spMkLst>
          </pc:spChg>
          <pc:spChg chg="mod">
            <ac:chgData name="Jonas Bratseth" userId="7880613d-1198-4bca-afa6-2725a9958330" providerId="ADAL" clId="{95DE8DB2-18F4-433B-B35C-C72863037E4B}" dt="2021-04-27T05:47:54.857" v="1693" actId="790"/>
            <ac:spMkLst>
              <pc:docMk/>
              <pc:sldMasterMk cId="3187493390" sldId="2147483680"/>
              <pc:sldLayoutMk cId="3710491815" sldId="2147483788"/>
              <ac:spMk id="15" creationId="{09BE6C7B-6040-4D94-BFDE-7EBB6B516612}"/>
            </ac:spMkLst>
          </pc:spChg>
          <pc:spChg chg="mod">
            <ac:chgData name="Jonas Bratseth" userId="7880613d-1198-4bca-afa6-2725a9958330" providerId="ADAL" clId="{95DE8DB2-18F4-433B-B35C-C72863037E4B}" dt="2021-04-27T06:05:24.717" v="2257"/>
            <ac:spMkLst>
              <pc:docMk/>
              <pc:sldMasterMk cId="3187493390" sldId="2147483680"/>
              <pc:sldLayoutMk cId="3710491815" sldId="2147483788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865" v="1697" actId="790"/>
            <ac:spMkLst>
              <pc:docMk/>
              <pc:sldMasterMk cId="3187493390" sldId="2147483680"/>
              <pc:sldLayoutMk cId="3710491815" sldId="2147483788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5:25.217" v="2258"/>
            <ac:spMkLst>
              <pc:docMk/>
              <pc:sldMasterMk cId="3187493390" sldId="2147483680"/>
              <pc:sldLayoutMk cId="3710491815" sldId="2147483788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867" v="1699" actId="790"/>
            <ac:spMkLst>
              <pc:docMk/>
              <pc:sldMasterMk cId="3187493390" sldId="2147483680"/>
              <pc:sldLayoutMk cId="3710491815" sldId="2147483788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5:25.856" v="2259"/>
            <ac:spMkLst>
              <pc:docMk/>
              <pc:sldMasterMk cId="3187493390" sldId="2147483680"/>
              <pc:sldLayoutMk cId="3710491815" sldId="2147483788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867" v="1701" actId="790"/>
            <ac:spMkLst>
              <pc:docMk/>
              <pc:sldMasterMk cId="3187493390" sldId="2147483680"/>
              <pc:sldLayoutMk cId="3710491815" sldId="2147483788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5:26.471" v="2260"/>
            <ac:spMkLst>
              <pc:docMk/>
              <pc:sldMasterMk cId="3187493390" sldId="2147483680"/>
              <pc:sldLayoutMk cId="3710491815" sldId="2147483788"/>
              <ac:spMk id="51" creationId="{9B87CD94-7A09-4FBF-8581-99B20B7C8576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0:46.021" v="2114"/>
        <pc:sldMasterMkLst>
          <pc:docMk/>
          <pc:sldMasterMk cId="2269285815" sldId="2147483706"/>
        </pc:sldMasterMkLst>
        <pc:spChg chg="mod">
          <ac:chgData name="Jonas Bratseth" userId="7880613d-1198-4bca-afa6-2725a9958330" providerId="ADAL" clId="{95DE8DB2-18F4-433B-B35C-C72863037E4B}" dt="2021-04-27T05:57:07.137" v="1975"/>
          <ac:spMkLst>
            <pc:docMk/>
            <pc:sldMasterMk cId="2269285815" sldId="2147483706"/>
            <ac:spMk id="2" creationId="{EC00E0C1-94DD-4E87-91A3-A53B9DA66CC3}"/>
          </ac:spMkLst>
        </pc:spChg>
        <pc:sldLayoutChg chg="modSp mod">
          <pc:chgData name="Jonas Bratseth" userId="7880613d-1198-4bca-afa6-2725a9958330" providerId="ADAL" clId="{95DE8DB2-18F4-433B-B35C-C72863037E4B}" dt="2021-04-27T06:00:39.507" v="2108"/>
          <pc:sldLayoutMkLst>
            <pc:docMk/>
            <pc:sldMasterMk cId="2269285815" sldId="2147483706"/>
            <pc:sldLayoutMk cId="3056657447" sldId="2147483707"/>
          </pc:sldLayoutMkLst>
          <pc:spChg chg="mod">
            <ac:chgData name="Jonas Bratseth" userId="7880613d-1198-4bca-afa6-2725a9958330" providerId="ADAL" clId="{95DE8DB2-18F4-433B-B35C-C72863037E4B}" dt="2021-04-27T05:47:54.875" v="1710" actId="790"/>
            <ac:spMkLst>
              <pc:docMk/>
              <pc:sldMasterMk cId="2269285815" sldId="2147483706"/>
              <pc:sldLayoutMk cId="3056657447" sldId="2147483707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77" v="1711" actId="790"/>
            <ac:spMkLst>
              <pc:docMk/>
              <pc:sldMasterMk cId="2269285815" sldId="2147483706"/>
              <pc:sldLayoutMk cId="3056657447" sldId="2147483707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39.507" v="2108"/>
            <ac:spMkLst>
              <pc:docMk/>
              <pc:sldMasterMk cId="2269285815" sldId="2147483706"/>
              <pc:sldLayoutMk cId="3056657447" sldId="2147483707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1.295" v="2109"/>
          <pc:sldLayoutMkLst>
            <pc:docMk/>
            <pc:sldMasterMk cId="2269285815" sldId="2147483706"/>
            <pc:sldLayoutMk cId="3872924810" sldId="2147483708"/>
          </pc:sldLayoutMkLst>
          <pc:spChg chg="mod">
            <ac:chgData name="Jonas Bratseth" userId="7880613d-1198-4bca-afa6-2725a9958330" providerId="ADAL" clId="{95DE8DB2-18F4-433B-B35C-C72863037E4B}" dt="2021-04-27T05:47:54.877" v="1712" actId="790"/>
            <ac:spMkLst>
              <pc:docMk/>
              <pc:sldMasterMk cId="2269285815" sldId="2147483706"/>
              <pc:sldLayoutMk cId="3872924810" sldId="2147483708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77" v="1713" actId="790"/>
            <ac:spMkLst>
              <pc:docMk/>
              <pc:sldMasterMk cId="2269285815" sldId="2147483706"/>
              <pc:sldLayoutMk cId="3872924810" sldId="2147483708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1.295" v="2109"/>
            <ac:spMkLst>
              <pc:docMk/>
              <pc:sldMasterMk cId="2269285815" sldId="2147483706"/>
              <pc:sldLayoutMk cId="3872924810" sldId="2147483708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3.138" v="2111"/>
          <pc:sldLayoutMkLst>
            <pc:docMk/>
            <pc:sldMasterMk cId="2269285815" sldId="2147483706"/>
            <pc:sldLayoutMk cId="4220407289" sldId="2147483709"/>
          </pc:sldLayoutMkLst>
          <pc:spChg chg="mod">
            <ac:chgData name="Jonas Bratseth" userId="7880613d-1198-4bca-afa6-2725a9958330" providerId="ADAL" clId="{95DE8DB2-18F4-433B-B35C-C72863037E4B}" dt="2021-04-27T05:47:54.877" v="1716" actId="790"/>
            <ac:spMkLst>
              <pc:docMk/>
              <pc:sldMasterMk cId="2269285815" sldId="2147483706"/>
              <pc:sldLayoutMk cId="4220407289" sldId="2147483709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85" v="1717" actId="790"/>
            <ac:spMkLst>
              <pc:docMk/>
              <pc:sldMasterMk cId="2269285815" sldId="2147483706"/>
              <pc:sldLayoutMk cId="4220407289" sldId="2147483709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3.138" v="2111"/>
            <ac:spMkLst>
              <pc:docMk/>
              <pc:sldMasterMk cId="2269285815" sldId="2147483706"/>
              <pc:sldLayoutMk cId="4220407289" sldId="2147483709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2.287" v="2110"/>
          <pc:sldLayoutMkLst>
            <pc:docMk/>
            <pc:sldMasterMk cId="2269285815" sldId="2147483706"/>
            <pc:sldLayoutMk cId="1288175719" sldId="2147483710"/>
          </pc:sldLayoutMkLst>
          <pc:spChg chg="mod">
            <ac:chgData name="Jonas Bratseth" userId="7880613d-1198-4bca-afa6-2725a9958330" providerId="ADAL" clId="{95DE8DB2-18F4-433B-B35C-C72863037E4B}" dt="2021-04-27T05:47:54.877" v="1714" actId="790"/>
            <ac:spMkLst>
              <pc:docMk/>
              <pc:sldMasterMk cId="2269285815" sldId="2147483706"/>
              <pc:sldLayoutMk cId="1288175719" sldId="2147483710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77" v="1715" actId="790"/>
            <ac:spMkLst>
              <pc:docMk/>
              <pc:sldMasterMk cId="2269285815" sldId="2147483706"/>
              <pc:sldLayoutMk cId="1288175719" sldId="2147483710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2.287" v="2110"/>
            <ac:spMkLst>
              <pc:docMk/>
              <pc:sldMasterMk cId="2269285815" sldId="2147483706"/>
              <pc:sldLayoutMk cId="1288175719" sldId="2147483710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3.977" v="2112"/>
          <pc:sldLayoutMkLst>
            <pc:docMk/>
            <pc:sldMasterMk cId="2269285815" sldId="2147483706"/>
            <pc:sldLayoutMk cId="2056493354" sldId="2147483711"/>
          </pc:sldLayoutMkLst>
          <pc:spChg chg="mod">
            <ac:chgData name="Jonas Bratseth" userId="7880613d-1198-4bca-afa6-2725a9958330" providerId="ADAL" clId="{95DE8DB2-18F4-433B-B35C-C72863037E4B}" dt="2021-04-27T05:47:54.885" v="1718" actId="790"/>
            <ac:spMkLst>
              <pc:docMk/>
              <pc:sldMasterMk cId="2269285815" sldId="2147483706"/>
              <pc:sldLayoutMk cId="2056493354" sldId="2147483711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88" v="1719" actId="790"/>
            <ac:spMkLst>
              <pc:docMk/>
              <pc:sldMasterMk cId="2269285815" sldId="2147483706"/>
              <pc:sldLayoutMk cId="2056493354" sldId="2147483711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3.977" v="2112"/>
            <ac:spMkLst>
              <pc:docMk/>
              <pc:sldMasterMk cId="2269285815" sldId="2147483706"/>
              <pc:sldLayoutMk cId="2056493354" sldId="2147483711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4.894" v="2113"/>
          <pc:sldLayoutMkLst>
            <pc:docMk/>
            <pc:sldMasterMk cId="2269285815" sldId="2147483706"/>
            <pc:sldLayoutMk cId="2432138850" sldId="2147483712"/>
          </pc:sldLayoutMkLst>
          <pc:spChg chg="mod">
            <ac:chgData name="Jonas Bratseth" userId="7880613d-1198-4bca-afa6-2725a9958330" providerId="ADAL" clId="{95DE8DB2-18F4-433B-B35C-C72863037E4B}" dt="2021-04-27T05:47:54.888" v="1720" actId="790"/>
            <ac:spMkLst>
              <pc:docMk/>
              <pc:sldMasterMk cId="2269285815" sldId="2147483706"/>
              <pc:sldLayoutMk cId="2432138850" sldId="2147483712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88" v="1721" actId="790"/>
            <ac:spMkLst>
              <pc:docMk/>
              <pc:sldMasterMk cId="2269285815" sldId="2147483706"/>
              <pc:sldLayoutMk cId="2432138850" sldId="2147483712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4.894" v="2113"/>
            <ac:spMkLst>
              <pc:docMk/>
              <pc:sldMasterMk cId="2269285815" sldId="2147483706"/>
              <pc:sldLayoutMk cId="2432138850" sldId="2147483712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0:46.021" v="2114"/>
          <pc:sldLayoutMkLst>
            <pc:docMk/>
            <pc:sldMasterMk cId="2269285815" sldId="2147483706"/>
            <pc:sldLayoutMk cId="2206203928" sldId="2147483713"/>
          </pc:sldLayoutMkLst>
          <pc:spChg chg="mod">
            <ac:chgData name="Jonas Bratseth" userId="7880613d-1198-4bca-afa6-2725a9958330" providerId="ADAL" clId="{95DE8DB2-18F4-433B-B35C-C72863037E4B}" dt="2021-04-27T05:47:54.888" v="1722" actId="790"/>
            <ac:spMkLst>
              <pc:docMk/>
              <pc:sldMasterMk cId="2269285815" sldId="2147483706"/>
              <pc:sldLayoutMk cId="2206203928" sldId="2147483713"/>
              <ac:spMk id="2" creationId="{AC19EA52-CBCE-445B-A868-0AF0E940F269}"/>
            </ac:spMkLst>
          </pc:spChg>
          <pc:spChg chg="mod">
            <ac:chgData name="Jonas Bratseth" userId="7880613d-1198-4bca-afa6-2725a9958330" providerId="ADAL" clId="{95DE8DB2-18F4-433B-B35C-C72863037E4B}" dt="2021-04-27T05:47:54.888" v="1723" actId="790"/>
            <ac:spMkLst>
              <pc:docMk/>
              <pc:sldMasterMk cId="2269285815" sldId="2147483706"/>
              <pc:sldLayoutMk cId="2206203928" sldId="2147483713"/>
              <ac:spMk id="9" creationId="{2519DE2E-30A8-4795-8CA3-AB25AAE8A266}"/>
            </ac:spMkLst>
          </pc:spChg>
          <pc:spChg chg="mod">
            <ac:chgData name="Jonas Bratseth" userId="7880613d-1198-4bca-afa6-2725a9958330" providerId="ADAL" clId="{95DE8DB2-18F4-433B-B35C-C72863037E4B}" dt="2021-04-27T06:00:46.021" v="2114"/>
            <ac:spMkLst>
              <pc:docMk/>
              <pc:sldMasterMk cId="2269285815" sldId="2147483706"/>
              <pc:sldLayoutMk cId="2206203928" sldId="2147483713"/>
              <ac:spMk id="18" creationId="{3891292E-00E9-453D-967C-3464D9CCC4F7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6:13.619" v="2264"/>
        <pc:sldMasterMkLst>
          <pc:docMk/>
          <pc:sldMasterMk cId="2320628436" sldId="2147483750"/>
        </pc:sldMasterMkLst>
        <pc:spChg chg="mod">
          <ac:chgData name="Jonas Bratseth" userId="7880613d-1198-4bca-afa6-2725a9958330" providerId="ADAL" clId="{95DE8DB2-18F4-433B-B35C-C72863037E4B}" dt="2021-04-27T05:55:10.923" v="1882"/>
          <ac:spMkLst>
            <pc:docMk/>
            <pc:sldMasterMk cId="2320628436" sldId="2147483750"/>
            <ac:spMk id="2" creationId="{EC00E0C1-94DD-4E87-91A3-A53B9DA66CC3}"/>
          </ac:spMkLst>
        </pc:spChg>
        <pc:spChg chg="mod">
          <ac:chgData name="Jonas Bratseth" userId="7880613d-1198-4bca-afa6-2725a9958330" providerId="ADAL" clId="{95DE8DB2-18F4-433B-B35C-C72863037E4B}" dt="2021-04-27T06:06:13.619" v="2264"/>
          <ac:spMkLst>
            <pc:docMk/>
            <pc:sldMasterMk cId="2320628436" sldId="2147483750"/>
            <ac:spMk id="8" creationId="{0A070B88-1D4D-44C9-AC83-BD74551FEA5B}"/>
          </ac:spMkLst>
        </pc:spChg>
        <pc:sldLayoutChg chg="modSp mod">
          <pc:chgData name="Jonas Bratseth" userId="7880613d-1198-4bca-afa6-2725a9958330" providerId="ADAL" clId="{95DE8DB2-18F4-433B-B35C-C72863037E4B}" dt="2021-04-27T06:01:08.894" v="2115"/>
          <pc:sldLayoutMkLst>
            <pc:docMk/>
            <pc:sldMasterMk cId="2320628436" sldId="2147483750"/>
            <pc:sldLayoutMk cId="3196187509" sldId="2147483751"/>
          </pc:sldLayoutMkLst>
          <pc:spChg chg="mod">
            <ac:chgData name="Jonas Bratseth" userId="7880613d-1198-4bca-afa6-2725a9958330" providerId="ADAL" clId="{95DE8DB2-18F4-433B-B35C-C72863037E4B}" dt="2021-04-27T05:47:54.286" v="1088" actId="790"/>
            <ac:spMkLst>
              <pc:docMk/>
              <pc:sldMasterMk cId="2320628436" sldId="2147483750"/>
              <pc:sldLayoutMk cId="3196187509" sldId="2147483751"/>
              <ac:spMk id="3" creationId="{4AE97785-6E28-487C-A237-AF5F013A8878}"/>
            </ac:spMkLst>
          </pc:spChg>
          <pc:spChg chg="mod">
            <ac:chgData name="Jonas Bratseth" userId="7880613d-1198-4bca-afa6-2725a9958330" providerId="ADAL" clId="{95DE8DB2-18F4-433B-B35C-C72863037E4B}" dt="2021-04-27T05:47:54.286" v="1085" actId="790"/>
            <ac:spMkLst>
              <pc:docMk/>
              <pc:sldMasterMk cId="2320628436" sldId="2147483750"/>
              <pc:sldLayoutMk cId="3196187509" sldId="2147483751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286" v="1084" actId="790"/>
            <ac:spMkLst>
              <pc:docMk/>
              <pc:sldMasterMk cId="2320628436" sldId="2147483750"/>
              <pc:sldLayoutMk cId="3196187509" sldId="2147483751"/>
              <ac:spMk id="6" creationId="{3A0BAEDA-2B5E-4C83-9161-0B871B632CD8}"/>
            </ac:spMkLst>
          </pc:spChg>
          <pc:spChg chg="mod">
            <ac:chgData name="Jonas Bratseth" userId="7880613d-1198-4bca-afa6-2725a9958330" providerId="ADAL" clId="{95DE8DB2-18F4-433B-B35C-C72863037E4B}" dt="2021-04-27T05:47:54.284" v="1083" actId="790"/>
            <ac:spMkLst>
              <pc:docMk/>
              <pc:sldMasterMk cId="2320628436" sldId="2147483750"/>
              <pc:sldLayoutMk cId="3196187509" sldId="2147483751"/>
              <ac:spMk id="7" creationId="{1EDC10EC-BA55-4582-BC51-54300AEE4C9D}"/>
            </ac:spMkLst>
          </pc:spChg>
          <pc:spChg chg="mod">
            <ac:chgData name="Jonas Bratseth" userId="7880613d-1198-4bca-afa6-2725a9958330" providerId="ADAL" clId="{95DE8DB2-18F4-433B-B35C-C72863037E4B}" dt="2021-04-27T05:58:06.608" v="1991" actId="20577"/>
            <ac:spMkLst>
              <pc:docMk/>
              <pc:sldMasterMk cId="2320628436" sldId="2147483750"/>
              <pc:sldLayoutMk cId="3196187509" sldId="2147483751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6:01:08.894" v="2115"/>
            <ac:spMkLst>
              <pc:docMk/>
              <pc:sldMasterMk cId="2320628436" sldId="2147483750"/>
              <pc:sldLayoutMk cId="3196187509" sldId="2147483751"/>
              <ac:spMk id="16" creationId="{461BABB1-A447-405B-AF28-D9AB8C3C9B6A}"/>
            </ac:spMkLst>
          </pc:spChg>
          <pc:spChg chg="mod">
            <ac:chgData name="Jonas Bratseth" userId="7880613d-1198-4bca-afa6-2725a9958330" providerId="ADAL" clId="{95DE8DB2-18F4-433B-B35C-C72863037E4B}" dt="2021-04-27T05:47:54.286" v="1087" actId="790"/>
            <ac:spMkLst>
              <pc:docMk/>
              <pc:sldMasterMk cId="2320628436" sldId="2147483750"/>
              <pc:sldLayoutMk cId="3196187509" sldId="2147483751"/>
              <ac:spMk id="17" creationId="{B7CAE32E-E8A6-4610-94FE-E5A3D98AB5DB}"/>
            </ac:spMkLst>
          </pc:spChg>
          <pc:spChg chg="mod">
            <ac:chgData name="Jonas Bratseth" userId="7880613d-1198-4bca-afa6-2725a9958330" providerId="ADAL" clId="{95DE8DB2-18F4-433B-B35C-C72863037E4B}" dt="2021-04-27T05:58:04.387" v="1989"/>
            <ac:spMkLst>
              <pc:docMk/>
              <pc:sldMasterMk cId="2320628436" sldId="2147483750"/>
              <pc:sldLayoutMk cId="3196187509" sldId="2147483751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16.820" v="2116"/>
          <pc:sldLayoutMkLst>
            <pc:docMk/>
            <pc:sldMasterMk cId="2320628436" sldId="2147483750"/>
            <pc:sldLayoutMk cId="2474862996" sldId="2147483752"/>
          </pc:sldLayoutMkLst>
          <pc:spChg chg="mod">
            <ac:chgData name="Jonas Bratseth" userId="7880613d-1198-4bca-afa6-2725a9958330" providerId="ADAL" clId="{95DE8DB2-18F4-433B-B35C-C72863037E4B}" dt="2021-04-27T05:47:54.286" v="1089" actId="790"/>
            <ac:spMkLst>
              <pc:docMk/>
              <pc:sldMasterMk cId="2320628436" sldId="2147483750"/>
              <pc:sldLayoutMk cId="2474862996" sldId="2147483752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6:01:16.820" v="2116"/>
            <ac:spMkLst>
              <pc:docMk/>
              <pc:sldMasterMk cId="2320628436" sldId="2147483750"/>
              <pc:sldLayoutMk cId="2474862996" sldId="2147483752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286" v="1091" actId="790"/>
            <ac:spMkLst>
              <pc:docMk/>
              <pc:sldMasterMk cId="2320628436" sldId="2147483750"/>
              <pc:sldLayoutMk cId="2474862996" sldId="2147483752"/>
              <ac:spMk id="10" creationId="{21E2F243-8C06-4A1D-98D1-265080BF12EF}"/>
            </ac:spMkLst>
          </pc:spChg>
          <pc:spChg chg="mod">
            <ac:chgData name="Jonas Bratseth" userId="7880613d-1198-4bca-afa6-2725a9958330" providerId="ADAL" clId="{95DE8DB2-18F4-433B-B35C-C72863037E4B}" dt="2021-04-27T05:47:54.286" v="1092" actId="790"/>
            <ac:spMkLst>
              <pc:docMk/>
              <pc:sldMasterMk cId="2320628436" sldId="2147483750"/>
              <pc:sldLayoutMk cId="2474862996" sldId="2147483752"/>
              <ac:spMk id="13" creationId="{C2C17AF9-57CB-4DE8-8036-B61815EF180D}"/>
            </ac:spMkLst>
          </pc:spChg>
          <pc:spChg chg="mod">
            <ac:chgData name="Jonas Bratseth" userId="7880613d-1198-4bca-afa6-2725a9958330" providerId="ADAL" clId="{95DE8DB2-18F4-433B-B35C-C72863037E4B}" dt="2021-04-27T05:47:54.286" v="1093" actId="790"/>
            <ac:spMkLst>
              <pc:docMk/>
              <pc:sldMasterMk cId="2320628436" sldId="2147483750"/>
              <pc:sldLayoutMk cId="2474862996" sldId="2147483752"/>
              <ac:spMk id="14" creationId="{48480890-1B9B-4A9A-99C9-E0993415F7B5}"/>
            </ac:spMkLst>
          </pc:spChg>
          <pc:spChg chg="mod">
            <ac:chgData name="Jonas Bratseth" userId="7880613d-1198-4bca-afa6-2725a9958330" providerId="ADAL" clId="{95DE8DB2-18F4-433B-B35C-C72863037E4B}" dt="2021-04-27T05:58:13.618" v="1993"/>
            <ac:spMkLst>
              <pc:docMk/>
              <pc:sldMasterMk cId="2320628436" sldId="2147483750"/>
              <pc:sldLayoutMk cId="2474862996" sldId="2147483752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5:58:12.431" v="1992"/>
            <ac:spMkLst>
              <pc:docMk/>
              <pc:sldMasterMk cId="2320628436" sldId="2147483750"/>
              <pc:sldLayoutMk cId="2474862996" sldId="2147483752"/>
              <ac:spMk id="30" creationId="{4CC0A7DB-27EF-4BE8-93B0-2E99409AE43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18.477" v="2117"/>
          <pc:sldLayoutMkLst>
            <pc:docMk/>
            <pc:sldMasterMk cId="2320628436" sldId="2147483750"/>
            <pc:sldLayoutMk cId="1426839797" sldId="2147483753"/>
          </pc:sldLayoutMkLst>
          <pc:spChg chg="mod">
            <ac:chgData name="Jonas Bratseth" userId="7880613d-1198-4bca-afa6-2725a9958330" providerId="ADAL" clId="{95DE8DB2-18F4-433B-B35C-C72863037E4B}" dt="2021-04-27T05:58:16.863" v="1996"/>
            <ac:spMkLst>
              <pc:docMk/>
              <pc:sldMasterMk cId="2320628436" sldId="2147483750"/>
              <pc:sldLayoutMk cId="1426839797" sldId="2147483753"/>
              <ac:spMk id="8" creationId="{3A9B36A6-D5A0-40FE-A730-776C70C5C38A}"/>
            </ac:spMkLst>
          </pc:spChg>
          <pc:spChg chg="mod">
            <ac:chgData name="Jonas Bratseth" userId="7880613d-1198-4bca-afa6-2725a9958330" providerId="ADAL" clId="{95DE8DB2-18F4-433B-B35C-C72863037E4B}" dt="2021-04-27T05:47:54.294" v="1097" actId="790"/>
            <ac:spMkLst>
              <pc:docMk/>
              <pc:sldMasterMk cId="2320628436" sldId="2147483750"/>
              <pc:sldLayoutMk cId="1426839797" sldId="2147483753"/>
              <ac:spMk id="12" creationId="{C5F535E3-A827-48E2-B683-3A78074E015A}"/>
            </ac:spMkLst>
          </pc:spChg>
          <pc:spChg chg="mod">
            <ac:chgData name="Jonas Bratseth" userId="7880613d-1198-4bca-afa6-2725a9958330" providerId="ADAL" clId="{95DE8DB2-18F4-433B-B35C-C72863037E4B}" dt="2021-04-27T05:47:54.286" v="1095" actId="790"/>
            <ac:spMkLst>
              <pc:docMk/>
              <pc:sldMasterMk cId="2320628436" sldId="2147483750"/>
              <pc:sldLayoutMk cId="1426839797" sldId="2147483753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294" v="1096" actId="790"/>
            <ac:spMkLst>
              <pc:docMk/>
              <pc:sldMasterMk cId="2320628436" sldId="2147483750"/>
              <pc:sldLayoutMk cId="1426839797" sldId="2147483753"/>
              <ac:spMk id="14" creationId="{489B8CA1-E5FC-4203-8AD2-C94205CC82B8}"/>
            </ac:spMkLst>
          </pc:spChg>
          <pc:spChg chg="mod">
            <ac:chgData name="Jonas Bratseth" userId="7880613d-1198-4bca-afa6-2725a9958330" providerId="ADAL" clId="{95DE8DB2-18F4-433B-B35C-C72863037E4B}" dt="2021-04-27T06:01:18.477" v="2117"/>
            <ac:spMkLst>
              <pc:docMk/>
              <pc:sldMasterMk cId="2320628436" sldId="2147483750"/>
              <pc:sldLayoutMk cId="1426839797" sldId="2147483753"/>
              <ac:spMk id="15" creationId="{963AB43E-274F-4813-ABFF-B76361154E38}"/>
            </ac:spMkLst>
          </pc:spChg>
          <pc:spChg chg="mod">
            <ac:chgData name="Jonas Bratseth" userId="7880613d-1198-4bca-afa6-2725a9958330" providerId="ADAL" clId="{95DE8DB2-18F4-433B-B35C-C72863037E4B}" dt="2021-04-27T05:47:54.296" v="1099" actId="790"/>
            <ac:spMkLst>
              <pc:docMk/>
              <pc:sldMasterMk cId="2320628436" sldId="2147483750"/>
              <pc:sldLayoutMk cId="1426839797" sldId="2147483753"/>
              <ac:spMk id="16" creationId="{705FF5DD-9FDA-4566-9B40-7642DC33ED9D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21.092" v="2118"/>
          <pc:sldLayoutMkLst>
            <pc:docMk/>
            <pc:sldMasterMk cId="2320628436" sldId="2147483750"/>
            <pc:sldLayoutMk cId="2720511642" sldId="2147483754"/>
          </pc:sldLayoutMkLst>
          <pc:spChg chg="mod">
            <ac:chgData name="Jonas Bratseth" userId="7880613d-1198-4bca-afa6-2725a9958330" providerId="ADAL" clId="{95DE8DB2-18F4-433B-B35C-C72863037E4B}" dt="2021-04-27T05:58:22.572" v="2009" actId="20577"/>
            <ac:spMkLst>
              <pc:docMk/>
              <pc:sldMasterMk cId="2320628436" sldId="2147483750"/>
              <pc:sldLayoutMk cId="2720511642" sldId="2147483754"/>
              <ac:spMk id="5" creationId="{D2D6A4DA-EB35-4A5F-AB92-FFD4A8A47038}"/>
            </ac:spMkLst>
          </pc:spChg>
          <pc:spChg chg="mod">
            <ac:chgData name="Jonas Bratseth" userId="7880613d-1198-4bca-afa6-2725a9958330" providerId="ADAL" clId="{95DE8DB2-18F4-433B-B35C-C72863037E4B}" dt="2021-04-27T05:47:54.296" v="1102" actId="790"/>
            <ac:spMkLst>
              <pc:docMk/>
              <pc:sldMasterMk cId="2320628436" sldId="2147483750"/>
              <pc:sldLayoutMk cId="2720511642" sldId="2147483754"/>
              <ac:spMk id="8" creationId="{22AB73FD-6699-4F8E-8AC4-31A9B51185C8}"/>
            </ac:spMkLst>
          </pc:spChg>
          <pc:spChg chg="mod">
            <ac:chgData name="Jonas Bratseth" userId="7880613d-1198-4bca-afa6-2725a9958330" providerId="ADAL" clId="{95DE8DB2-18F4-433B-B35C-C72863037E4B}" dt="2021-04-27T06:01:21.092" v="2118"/>
            <ac:spMkLst>
              <pc:docMk/>
              <pc:sldMasterMk cId="2320628436" sldId="2147483750"/>
              <pc:sldLayoutMk cId="2720511642" sldId="2147483754"/>
              <ac:spMk id="9" creationId="{E5A0517A-F36B-49B2-8737-F152A42C805E}"/>
            </ac:spMkLst>
          </pc:spChg>
          <pc:spChg chg="mod">
            <ac:chgData name="Jonas Bratseth" userId="7880613d-1198-4bca-afa6-2725a9958330" providerId="ADAL" clId="{95DE8DB2-18F4-433B-B35C-C72863037E4B}" dt="2021-04-27T05:47:54.296" v="1104" actId="790"/>
            <ac:spMkLst>
              <pc:docMk/>
              <pc:sldMasterMk cId="2320628436" sldId="2147483750"/>
              <pc:sldLayoutMk cId="2720511642" sldId="2147483754"/>
              <ac:spMk id="10" creationId="{7C819F2B-234F-4A6E-BC98-756E17E805E1}"/>
            </ac:spMkLst>
          </pc:spChg>
          <pc:spChg chg="mod">
            <ac:chgData name="Jonas Bratseth" userId="7880613d-1198-4bca-afa6-2725a9958330" providerId="ADAL" clId="{95DE8DB2-18F4-433B-B35C-C72863037E4B}" dt="2021-04-27T05:47:54.296" v="1100" actId="790"/>
            <ac:spMkLst>
              <pc:docMk/>
              <pc:sldMasterMk cId="2320628436" sldId="2147483750"/>
              <pc:sldLayoutMk cId="2720511642" sldId="2147483754"/>
              <ac:spMk id="13" creationId="{C938A1AD-2509-4CA1-B27D-7E0BD1327B69}"/>
            </ac:spMkLst>
          </pc:spChg>
          <pc:spChg chg="mod">
            <ac:chgData name="Jonas Bratseth" userId="7880613d-1198-4bca-afa6-2725a9958330" providerId="ADAL" clId="{95DE8DB2-18F4-433B-B35C-C72863037E4B}" dt="2021-04-27T05:47:54.296" v="1101" actId="790"/>
            <ac:spMkLst>
              <pc:docMk/>
              <pc:sldMasterMk cId="2320628436" sldId="2147483750"/>
              <pc:sldLayoutMk cId="2720511642" sldId="2147483754"/>
              <ac:spMk id="14" creationId="{489B8CA1-E5FC-4203-8AD2-C94205CC82B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16.537" v="1883"/>
          <pc:sldLayoutMkLst>
            <pc:docMk/>
            <pc:sldMasterMk cId="2320628436" sldId="2147483750"/>
            <pc:sldLayoutMk cId="3815573634" sldId="2147483755"/>
          </pc:sldLayoutMkLst>
          <pc:spChg chg="mod">
            <ac:chgData name="Jonas Bratseth" userId="7880613d-1198-4bca-afa6-2725a9958330" providerId="ADAL" clId="{95DE8DB2-18F4-433B-B35C-C72863037E4B}" dt="2021-04-27T05:55:16.537" v="1883"/>
            <ac:spMkLst>
              <pc:docMk/>
              <pc:sldMasterMk cId="2320628436" sldId="2147483750"/>
              <pc:sldLayoutMk cId="3815573634" sldId="214748375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296" v="1105" actId="790"/>
            <ac:spMkLst>
              <pc:docMk/>
              <pc:sldMasterMk cId="2320628436" sldId="2147483750"/>
              <pc:sldLayoutMk cId="3815573634" sldId="2147483755"/>
              <ac:spMk id="3" creationId="{B30310D9-36FF-41E3-BE76-6C2A983940FC}"/>
            </ac:spMkLst>
          </pc:spChg>
          <pc:spChg chg="mod">
            <ac:chgData name="Jonas Bratseth" userId="7880613d-1198-4bca-afa6-2725a9958330" providerId="ADAL" clId="{95DE8DB2-18F4-433B-B35C-C72863037E4B}" dt="2021-04-27T05:47:54.304" v="1109" actId="790"/>
            <ac:spMkLst>
              <pc:docMk/>
              <pc:sldMasterMk cId="2320628436" sldId="2147483750"/>
              <pc:sldLayoutMk cId="3815573634" sldId="2147483755"/>
              <ac:spMk id="4" creationId="{0BE00044-7D51-4DCD-96F4-EEEBB6479F74}"/>
            </ac:spMkLst>
          </pc:spChg>
          <pc:spChg chg="mod">
            <ac:chgData name="Jonas Bratseth" userId="7880613d-1198-4bca-afa6-2725a9958330" providerId="ADAL" clId="{95DE8DB2-18F4-433B-B35C-C72863037E4B}" dt="2021-04-27T05:47:54.296" v="1107" actId="790"/>
            <ac:spMkLst>
              <pc:docMk/>
              <pc:sldMasterMk cId="2320628436" sldId="2147483750"/>
              <pc:sldLayoutMk cId="3815573634" sldId="2147483755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296" v="1108" actId="790"/>
            <ac:spMkLst>
              <pc:docMk/>
              <pc:sldMasterMk cId="2320628436" sldId="2147483750"/>
              <pc:sldLayoutMk cId="3815573634" sldId="2147483755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8:26.127" v="2010"/>
          <pc:sldLayoutMkLst>
            <pc:docMk/>
            <pc:sldMasterMk cId="2320628436" sldId="2147483750"/>
            <pc:sldLayoutMk cId="364998319" sldId="2147483756"/>
          </pc:sldLayoutMkLst>
          <pc:spChg chg="mod">
            <ac:chgData name="Jonas Bratseth" userId="7880613d-1198-4bca-afa6-2725a9958330" providerId="ADAL" clId="{95DE8DB2-18F4-433B-B35C-C72863037E4B}" dt="2021-04-27T05:55:17.958" v="1884"/>
            <ac:spMkLst>
              <pc:docMk/>
              <pc:sldMasterMk cId="2320628436" sldId="2147483750"/>
              <pc:sldLayoutMk cId="364998319" sldId="214748375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06" v="1111" actId="790"/>
            <ac:spMkLst>
              <pc:docMk/>
              <pc:sldMasterMk cId="2320628436" sldId="2147483750"/>
              <pc:sldLayoutMk cId="364998319" sldId="2147483756"/>
              <ac:spMk id="3" creationId="{0D93E16A-6125-4B01-9B97-3CA53DFF61AB}"/>
            </ac:spMkLst>
          </pc:spChg>
          <pc:spChg chg="mod">
            <ac:chgData name="Jonas Bratseth" userId="7880613d-1198-4bca-afa6-2725a9958330" providerId="ADAL" clId="{95DE8DB2-18F4-433B-B35C-C72863037E4B}" dt="2021-04-27T05:58:26.127" v="2010"/>
            <ac:spMkLst>
              <pc:docMk/>
              <pc:sldMasterMk cId="2320628436" sldId="2147483750"/>
              <pc:sldLayoutMk cId="364998319" sldId="2147483756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306" v="1112" actId="790"/>
            <ac:spMkLst>
              <pc:docMk/>
              <pc:sldMasterMk cId="2320628436" sldId="2147483750"/>
              <pc:sldLayoutMk cId="364998319" sldId="2147483756"/>
              <ac:spMk id="11" creationId="{AE3C12E5-2F4F-4D23-91A9-A0907C2B0531}"/>
            </ac:spMkLst>
          </pc:spChg>
          <pc:spChg chg="mod">
            <ac:chgData name="Jonas Bratseth" userId="7880613d-1198-4bca-afa6-2725a9958330" providerId="ADAL" clId="{95DE8DB2-18F4-433B-B35C-C72863037E4B}" dt="2021-04-27T05:47:54.306" v="1113" actId="790"/>
            <ac:spMkLst>
              <pc:docMk/>
              <pc:sldMasterMk cId="2320628436" sldId="2147483750"/>
              <pc:sldLayoutMk cId="364998319" sldId="2147483756"/>
              <ac:spMk id="12" creationId="{D43112DF-4C01-44A3-B0E0-03124C18CBA4}"/>
            </ac:spMkLst>
          </pc:spChg>
          <pc:spChg chg="mod">
            <ac:chgData name="Jonas Bratseth" userId="7880613d-1198-4bca-afa6-2725a9958330" providerId="ADAL" clId="{95DE8DB2-18F4-433B-B35C-C72863037E4B}" dt="2021-04-27T05:47:54.306" v="1114" actId="790"/>
            <ac:spMkLst>
              <pc:docMk/>
              <pc:sldMasterMk cId="2320628436" sldId="2147483750"/>
              <pc:sldLayoutMk cId="364998319" sldId="2147483756"/>
              <ac:spMk id="13" creationId="{8316CC25-277B-403B-95B4-97DF2D85F76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19.526" v="1885"/>
          <pc:sldLayoutMkLst>
            <pc:docMk/>
            <pc:sldMasterMk cId="2320628436" sldId="2147483750"/>
            <pc:sldLayoutMk cId="2825092807" sldId="2147483757"/>
          </pc:sldLayoutMkLst>
          <pc:spChg chg="mod">
            <ac:chgData name="Jonas Bratseth" userId="7880613d-1198-4bca-afa6-2725a9958330" providerId="ADAL" clId="{95DE8DB2-18F4-433B-B35C-C72863037E4B}" dt="2021-04-27T05:55:19.526" v="1885"/>
            <ac:spMkLst>
              <pc:docMk/>
              <pc:sldMasterMk cId="2320628436" sldId="2147483750"/>
              <pc:sldLayoutMk cId="2825092807" sldId="214748375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16" v="1119" actId="790"/>
            <ac:spMkLst>
              <pc:docMk/>
              <pc:sldMasterMk cId="2320628436" sldId="2147483750"/>
              <pc:sldLayoutMk cId="2825092807" sldId="2147483757"/>
              <ac:spMk id="7" creationId="{F444DAB5-754B-4A6F-B710-754439ADFDD0}"/>
            </ac:spMkLst>
          </pc:spChg>
          <pc:spChg chg="mod">
            <ac:chgData name="Jonas Bratseth" userId="7880613d-1198-4bca-afa6-2725a9958330" providerId="ADAL" clId="{95DE8DB2-18F4-433B-B35C-C72863037E4B}" dt="2021-04-27T05:47:54.317" v="1120" actId="790"/>
            <ac:spMkLst>
              <pc:docMk/>
              <pc:sldMasterMk cId="2320628436" sldId="2147483750"/>
              <pc:sldLayoutMk cId="2825092807" sldId="2147483757"/>
              <ac:spMk id="8" creationId="{3A8F863F-3ACF-4957-A9A6-A89D8AA0A874}"/>
            </ac:spMkLst>
          </pc:spChg>
          <pc:spChg chg="mod">
            <ac:chgData name="Jonas Bratseth" userId="7880613d-1198-4bca-afa6-2725a9958330" providerId="ADAL" clId="{95DE8DB2-18F4-433B-B35C-C72863037E4B}" dt="2021-04-27T05:47:54.306" v="1117" actId="790"/>
            <ac:spMkLst>
              <pc:docMk/>
              <pc:sldMasterMk cId="2320628436" sldId="2147483750"/>
              <pc:sldLayoutMk cId="2825092807" sldId="2147483757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306" v="1115" actId="790"/>
            <ac:spMkLst>
              <pc:docMk/>
              <pc:sldMasterMk cId="2320628436" sldId="2147483750"/>
              <pc:sldLayoutMk cId="2825092807" sldId="2147483757"/>
              <ac:spMk id="10" creationId="{D65FD970-B6F5-48DC-9AA4-AC69DCFA1369}"/>
            </ac:spMkLst>
          </pc:spChg>
          <pc:spChg chg="mod">
            <ac:chgData name="Jonas Bratseth" userId="7880613d-1198-4bca-afa6-2725a9958330" providerId="ADAL" clId="{95DE8DB2-18F4-433B-B35C-C72863037E4B}" dt="2021-04-27T05:47:54.315" v="1118" actId="790"/>
            <ac:spMkLst>
              <pc:docMk/>
              <pc:sldMasterMk cId="2320628436" sldId="2147483750"/>
              <pc:sldLayoutMk cId="2825092807" sldId="2147483757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34.320" v="2157"/>
          <pc:sldLayoutMkLst>
            <pc:docMk/>
            <pc:sldMasterMk cId="2320628436" sldId="2147483750"/>
            <pc:sldLayoutMk cId="2691689161" sldId="2147483758"/>
          </pc:sldLayoutMkLst>
          <pc:spChg chg="mod">
            <ac:chgData name="Jonas Bratseth" userId="7880613d-1198-4bca-afa6-2725a9958330" providerId="ADAL" clId="{95DE8DB2-18F4-433B-B35C-C72863037E4B}" dt="2021-04-27T05:55:21.029" v="1886"/>
            <ac:spMkLst>
              <pc:docMk/>
              <pc:sldMasterMk cId="2320628436" sldId="2147483750"/>
              <pc:sldLayoutMk cId="2691689161" sldId="2147483758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22" v="1124" actId="790"/>
            <ac:spMkLst>
              <pc:docMk/>
              <pc:sldMasterMk cId="2320628436" sldId="2147483750"/>
              <pc:sldLayoutMk cId="2691689161" sldId="2147483758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320" v="1123" actId="790"/>
            <ac:spMkLst>
              <pc:docMk/>
              <pc:sldMasterMk cId="2320628436" sldId="2147483750"/>
              <pc:sldLayoutMk cId="2691689161" sldId="2147483758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323" v="1125" actId="790"/>
            <ac:spMkLst>
              <pc:docMk/>
              <pc:sldMasterMk cId="2320628436" sldId="2147483750"/>
              <pc:sldLayoutMk cId="2691689161" sldId="2147483758"/>
              <ac:spMk id="11" creationId="{A438A2C9-456E-4D4E-94D6-AED12A02C14C}"/>
            </ac:spMkLst>
          </pc:spChg>
          <pc:spChg chg="mod">
            <ac:chgData name="Jonas Bratseth" userId="7880613d-1198-4bca-afa6-2725a9958330" providerId="ADAL" clId="{95DE8DB2-18F4-433B-B35C-C72863037E4B}" dt="2021-04-27T05:47:54.323" v="1126" actId="790"/>
            <ac:spMkLst>
              <pc:docMk/>
              <pc:sldMasterMk cId="2320628436" sldId="2147483750"/>
              <pc:sldLayoutMk cId="2691689161" sldId="2147483758"/>
              <ac:spMk id="12" creationId="{0EE22A6A-0A3A-4F38-94A9-28038AC019E0}"/>
            </ac:spMkLst>
          </pc:spChg>
          <pc:spChg chg="mod">
            <ac:chgData name="Jonas Bratseth" userId="7880613d-1198-4bca-afa6-2725a9958330" providerId="ADAL" clId="{95DE8DB2-18F4-433B-B35C-C72863037E4B}" dt="2021-04-27T05:47:54.317" v="1121" actId="790"/>
            <ac:spMkLst>
              <pc:docMk/>
              <pc:sldMasterMk cId="2320628436" sldId="2147483750"/>
              <pc:sldLayoutMk cId="2691689161" sldId="2147483758"/>
              <ac:spMk id="13" creationId="{7BFE638F-3AD3-464E-BF13-79AB95AA7C25}"/>
            </ac:spMkLst>
          </pc:spChg>
          <pc:spChg chg="mod">
            <ac:chgData name="Jonas Bratseth" userId="7880613d-1198-4bca-afa6-2725a9958330" providerId="ADAL" clId="{95DE8DB2-18F4-433B-B35C-C72863037E4B}" dt="2021-04-27T06:03:33.751" v="2156"/>
            <ac:spMkLst>
              <pc:docMk/>
              <pc:sldMasterMk cId="2320628436" sldId="2147483750"/>
              <pc:sldLayoutMk cId="2691689161" sldId="2147483758"/>
              <ac:spMk id="14" creationId="{4A462DB3-E68E-4AB4-9C93-064327EA7E6C}"/>
            </ac:spMkLst>
          </pc:spChg>
          <pc:spChg chg="mod">
            <ac:chgData name="Jonas Bratseth" userId="7880613d-1198-4bca-afa6-2725a9958330" providerId="ADAL" clId="{95DE8DB2-18F4-433B-B35C-C72863037E4B}" dt="2021-04-27T06:03:34.320" v="2157"/>
            <ac:spMkLst>
              <pc:docMk/>
              <pc:sldMasterMk cId="2320628436" sldId="2147483750"/>
              <pc:sldLayoutMk cId="2691689161" sldId="2147483758"/>
              <ac:spMk id="15" creationId="{9922B3F0-06D5-4753-B10F-A22AC78E4C0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36.530" v="2160"/>
          <pc:sldLayoutMkLst>
            <pc:docMk/>
            <pc:sldMasterMk cId="2320628436" sldId="2147483750"/>
            <pc:sldLayoutMk cId="2521237057" sldId="2147483759"/>
          </pc:sldLayoutMkLst>
          <pc:spChg chg="mod">
            <ac:chgData name="Jonas Bratseth" userId="7880613d-1198-4bca-afa6-2725a9958330" providerId="ADAL" clId="{95DE8DB2-18F4-433B-B35C-C72863037E4B}" dt="2021-04-27T05:55:22.711" v="1887"/>
            <ac:spMkLst>
              <pc:docMk/>
              <pc:sldMasterMk cId="2320628436" sldId="2147483750"/>
              <pc:sldLayoutMk cId="2521237057" sldId="214748375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32" v="1133" actId="790"/>
            <ac:spMkLst>
              <pc:docMk/>
              <pc:sldMasterMk cId="2320628436" sldId="2147483750"/>
              <pc:sldLayoutMk cId="2521237057" sldId="2147483759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328" v="1131" actId="790"/>
            <ac:spMkLst>
              <pc:docMk/>
              <pc:sldMasterMk cId="2320628436" sldId="2147483750"/>
              <pc:sldLayoutMk cId="2521237057" sldId="2147483759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330" v="1132" actId="790"/>
            <ac:spMkLst>
              <pc:docMk/>
              <pc:sldMasterMk cId="2320628436" sldId="2147483750"/>
              <pc:sldLayoutMk cId="2521237057" sldId="2147483759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5:47:54.325" v="1129" actId="790"/>
            <ac:spMkLst>
              <pc:docMk/>
              <pc:sldMasterMk cId="2320628436" sldId="2147483750"/>
              <pc:sldLayoutMk cId="2521237057" sldId="2147483759"/>
              <ac:spMk id="13" creationId="{A7DD0381-8D8C-4D69-8735-BDFE5FEADB45}"/>
            </ac:spMkLst>
          </pc:spChg>
          <pc:spChg chg="mod">
            <ac:chgData name="Jonas Bratseth" userId="7880613d-1198-4bca-afa6-2725a9958330" providerId="ADAL" clId="{95DE8DB2-18F4-433B-B35C-C72863037E4B}" dt="2021-04-27T05:47:54.333" v="1134" actId="790"/>
            <ac:spMkLst>
              <pc:docMk/>
              <pc:sldMasterMk cId="2320628436" sldId="2147483750"/>
              <pc:sldLayoutMk cId="2521237057" sldId="2147483759"/>
              <ac:spMk id="14" creationId="{6FB1CFDE-A2D9-4ED8-8F76-8AA59BBB3C13}"/>
            </ac:spMkLst>
          </pc:spChg>
          <pc:spChg chg="mod">
            <ac:chgData name="Jonas Bratseth" userId="7880613d-1198-4bca-afa6-2725a9958330" providerId="ADAL" clId="{95DE8DB2-18F4-433B-B35C-C72863037E4B}" dt="2021-04-27T05:47:54.333" v="1135" actId="790"/>
            <ac:spMkLst>
              <pc:docMk/>
              <pc:sldMasterMk cId="2320628436" sldId="2147483750"/>
              <pc:sldLayoutMk cId="2521237057" sldId="2147483759"/>
              <ac:spMk id="15" creationId="{4BE5BC05-43BB-4A68-BCE7-66AB4600E80B}"/>
            </ac:spMkLst>
          </pc:spChg>
          <pc:spChg chg="mod">
            <ac:chgData name="Jonas Bratseth" userId="7880613d-1198-4bca-afa6-2725a9958330" providerId="ADAL" clId="{95DE8DB2-18F4-433B-B35C-C72863037E4B}" dt="2021-04-27T06:03:35.358" v="2158"/>
            <ac:spMkLst>
              <pc:docMk/>
              <pc:sldMasterMk cId="2320628436" sldId="2147483750"/>
              <pc:sldLayoutMk cId="2521237057" sldId="2147483759"/>
              <ac:spMk id="16" creationId="{960DF13D-F139-4941-BBE3-B8CEC4D8A189}"/>
            </ac:spMkLst>
          </pc:spChg>
          <pc:spChg chg="mod">
            <ac:chgData name="Jonas Bratseth" userId="7880613d-1198-4bca-afa6-2725a9958330" providerId="ADAL" clId="{95DE8DB2-18F4-433B-B35C-C72863037E4B}" dt="2021-04-27T06:03:35.940" v="2159"/>
            <ac:spMkLst>
              <pc:docMk/>
              <pc:sldMasterMk cId="2320628436" sldId="2147483750"/>
              <pc:sldLayoutMk cId="2521237057" sldId="2147483759"/>
              <ac:spMk id="17" creationId="{D4B456DA-80EA-425C-A234-5FD5B1D3578D}"/>
            </ac:spMkLst>
          </pc:spChg>
          <pc:spChg chg="mod">
            <ac:chgData name="Jonas Bratseth" userId="7880613d-1198-4bca-afa6-2725a9958330" providerId="ADAL" clId="{95DE8DB2-18F4-433B-B35C-C72863037E4B}" dt="2021-04-27T06:03:36.530" v="2160"/>
            <ac:spMkLst>
              <pc:docMk/>
              <pc:sldMasterMk cId="2320628436" sldId="2147483750"/>
              <pc:sldLayoutMk cId="2521237057" sldId="2147483759"/>
              <ac:spMk id="18" creationId="{1AE61440-BA51-47B3-8411-D11456A033C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39.808" v="2164"/>
          <pc:sldLayoutMkLst>
            <pc:docMk/>
            <pc:sldMasterMk cId="2320628436" sldId="2147483750"/>
            <pc:sldLayoutMk cId="3553216223" sldId="2147483760"/>
          </pc:sldLayoutMkLst>
          <pc:spChg chg="mod">
            <ac:chgData name="Jonas Bratseth" userId="7880613d-1198-4bca-afa6-2725a9958330" providerId="ADAL" clId="{95DE8DB2-18F4-433B-B35C-C72863037E4B}" dt="2021-04-27T05:55:23.932" v="1888"/>
            <ac:spMkLst>
              <pc:docMk/>
              <pc:sldMasterMk cId="2320628436" sldId="2147483750"/>
              <pc:sldLayoutMk cId="3553216223" sldId="2147483760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3:38.394" v="2161"/>
            <ac:spMkLst>
              <pc:docMk/>
              <pc:sldMasterMk cId="2320628436" sldId="2147483750"/>
              <pc:sldLayoutMk cId="3553216223" sldId="2147483760"/>
              <ac:spMk id="14" creationId="{41C31B6B-6FA0-4D20-871D-097EEB559C6D}"/>
            </ac:spMkLst>
          </pc:spChg>
          <pc:spChg chg="mod">
            <ac:chgData name="Jonas Bratseth" userId="7880613d-1198-4bca-afa6-2725a9958330" providerId="ADAL" clId="{95DE8DB2-18F4-433B-B35C-C72863037E4B}" dt="2021-04-27T05:47:54.335" v="1139" actId="790"/>
            <ac:spMkLst>
              <pc:docMk/>
              <pc:sldMasterMk cId="2320628436" sldId="2147483750"/>
              <pc:sldLayoutMk cId="3553216223" sldId="2147483760"/>
              <ac:spMk id="15" creationId="{715B95E4-C4BF-4768-A1D0-3C89DC68BBF9}"/>
            </ac:spMkLst>
          </pc:spChg>
          <pc:spChg chg="mod">
            <ac:chgData name="Jonas Bratseth" userId="7880613d-1198-4bca-afa6-2725a9958330" providerId="ADAL" clId="{95DE8DB2-18F4-433B-B35C-C72863037E4B}" dt="2021-04-27T06:03:38.881" v="2162"/>
            <ac:spMkLst>
              <pc:docMk/>
              <pc:sldMasterMk cId="2320628436" sldId="2147483750"/>
              <pc:sldLayoutMk cId="3553216223" sldId="2147483760"/>
              <ac:spMk id="17" creationId="{D3017EFE-25AB-43D8-BC14-A9F3612FEA9C}"/>
            </ac:spMkLst>
          </pc:spChg>
          <pc:spChg chg="mod">
            <ac:chgData name="Jonas Bratseth" userId="7880613d-1198-4bca-afa6-2725a9958330" providerId="ADAL" clId="{95DE8DB2-18F4-433B-B35C-C72863037E4B}" dt="2021-04-27T05:47:54.337" v="1141" actId="790"/>
            <ac:spMkLst>
              <pc:docMk/>
              <pc:sldMasterMk cId="2320628436" sldId="2147483750"/>
              <pc:sldLayoutMk cId="3553216223" sldId="2147483760"/>
              <ac:spMk id="19" creationId="{919B3BBC-3D41-4921-8659-202A8101495E}"/>
            </ac:spMkLst>
          </pc:spChg>
          <pc:spChg chg="mod">
            <ac:chgData name="Jonas Bratseth" userId="7880613d-1198-4bca-afa6-2725a9958330" providerId="ADAL" clId="{95DE8DB2-18F4-433B-B35C-C72863037E4B}" dt="2021-04-27T05:47:54.338" v="1142" actId="790"/>
            <ac:spMkLst>
              <pc:docMk/>
              <pc:sldMasterMk cId="2320628436" sldId="2147483750"/>
              <pc:sldLayoutMk cId="3553216223" sldId="2147483760"/>
              <ac:spMk id="20" creationId="{261063B8-8B1C-473D-BF7A-138131F03E62}"/>
            </ac:spMkLst>
          </pc:spChg>
          <pc:spChg chg="mod">
            <ac:chgData name="Jonas Bratseth" userId="7880613d-1198-4bca-afa6-2725a9958330" providerId="ADAL" clId="{95DE8DB2-18F4-433B-B35C-C72863037E4B}" dt="2021-04-27T06:03:39.376" v="2163"/>
            <ac:spMkLst>
              <pc:docMk/>
              <pc:sldMasterMk cId="2320628436" sldId="2147483750"/>
              <pc:sldLayoutMk cId="3553216223" sldId="2147483760"/>
              <ac:spMk id="21" creationId="{F4276D84-B999-403B-AB64-6C4371521469}"/>
            </ac:spMkLst>
          </pc:spChg>
          <pc:spChg chg="mod">
            <ac:chgData name="Jonas Bratseth" userId="7880613d-1198-4bca-afa6-2725a9958330" providerId="ADAL" clId="{95DE8DB2-18F4-433B-B35C-C72863037E4B}" dt="2021-04-27T06:03:39.808" v="2164"/>
            <ac:spMkLst>
              <pc:docMk/>
              <pc:sldMasterMk cId="2320628436" sldId="2147483750"/>
              <pc:sldLayoutMk cId="3553216223" sldId="2147483760"/>
              <ac:spMk id="22" creationId="{A71538D3-586D-494E-B89E-8380313D69D2}"/>
            </ac:spMkLst>
          </pc:spChg>
          <pc:spChg chg="mod">
            <ac:chgData name="Jonas Bratseth" userId="7880613d-1198-4bca-afa6-2725a9958330" providerId="ADAL" clId="{95DE8DB2-18F4-433B-B35C-C72863037E4B}" dt="2021-04-27T05:47:54.342" v="1147" actId="790"/>
            <ac:spMkLst>
              <pc:docMk/>
              <pc:sldMasterMk cId="2320628436" sldId="2147483750"/>
              <pc:sldLayoutMk cId="3553216223" sldId="2147483760"/>
              <ac:spMk id="23" creationId="{5171294F-D84E-4A6F-870E-59E9DBCCA8CD}"/>
            </ac:spMkLst>
          </pc:spChg>
          <pc:spChg chg="mod">
            <ac:chgData name="Jonas Bratseth" userId="7880613d-1198-4bca-afa6-2725a9958330" providerId="ADAL" clId="{95DE8DB2-18F4-433B-B35C-C72863037E4B}" dt="2021-04-27T05:47:54.344" v="1148" actId="790"/>
            <ac:spMkLst>
              <pc:docMk/>
              <pc:sldMasterMk cId="2320628436" sldId="2147483750"/>
              <pc:sldLayoutMk cId="3553216223" sldId="2147483760"/>
              <ac:spMk id="24" creationId="{EF101C2C-0C77-447C-BA84-1AABEF6FE385}"/>
            </ac:spMkLst>
          </pc:spChg>
          <pc:spChg chg="mod">
            <ac:chgData name="Jonas Bratseth" userId="7880613d-1198-4bca-afa6-2725a9958330" providerId="ADAL" clId="{95DE8DB2-18F4-433B-B35C-C72863037E4B}" dt="2021-04-27T05:47:54.346" v="1149" actId="790"/>
            <ac:spMkLst>
              <pc:docMk/>
              <pc:sldMasterMk cId="2320628436" sldId="2147483750"/>
              <pc:sldLayoutMk cId="3553216223" sldId="2147483760"/>
              <ac:spMk id="25" creationId="{EBB600D2-A0F5-4B88-8C17-3CD0807F9ED9}"/>
            </ac:spMkLst>
          </pc:spChg>
          <pc:spChg chg="mod">
            <ac:chgData name="Jonas Bratseth" userId="7880613d-1198-4bca-afa6-2725a9958330" providerId="ADAL" clId="{95DE8DB2-18F4-433B-B35C-C72863037E4B}" dt="2021-04-27T05:47:54.348" v="1150" actId="790"/>
            <ac:spMkLst>
              <pc:docMk/>
              <pc:sldMasterMk cId="2320628436" sldId="2147483750"/>
              <pc:sldLayoutMk cId="3553216223" sldId="2147483760"/>
              <ac:spMk id="26" creationId="{B32EF8FC-B8B0-4AD1-8E82-18EFC5E83E6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25.265" v="1889"/>
          <pc:sldLayoutMkLst>
            <pc:docMk/>
            <pc:sldMasterMk cId="2320628436" sldId="2147483750"/>
            <pc:sldLayoutMk cId="389349032" sldId="2147483761"/>
          </pc:sldLayoutMkLst>
          <pc:spChg chg="mod">
            <ac:chgData name="Jonas Bratseth" userId="7880613d-1198-4bca-afa6-2725a9958330" providerId="ADAL" clId="{95DE8DB2-18F4-433B-B35C-C72863037E4B}" dt="2021-04-27T05:55:25.265" v="1889"/>
            <ac:spMkLst>
              <pc:docMk/>
              <pc:sldMasterMk cId="2320628436" sldId="2147483750"/>
              <pc:sldLayoutMk cId="389349032" sldId="214748376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48" v="1151" actId="790"/>
            <ac:spMkLst>
              <pc:docMk/>
              <pc:sldMasterMk cId="2320628436" sldId="2147483750"/>
              <pc:sldLayoutMk cId="389349032" sldId="2147483761"/>
              <ac:spMk id="16" creationId="{4A37645F-00DE-4717-91AE-21B7FDD76BB4}"/>
            </ac:spMkLst>
          </pc:spChg>
          <pc:spChg chg="mod">
            <ac:chgData name="Jonas Bratseth" userId="7880613d-1198-4bca-afa6-2725a9958330" providerId="ADAL" clId="{95DE8DB2-18F4-433B-B35C-C72863037E4B}" dt="2021-04-27T05:47:54.352" v="1155" actId="790"/>
            <ac:spMkLst>
              <pc:docMk/>
              <pc:sldMasterMk cId="2320628436" sldId="2147483750"/>
              <pc:sldLayoutMk cId="389349032" sldId="2147483761"/>
              <ac:spMk id="17" creationId="{D7B4C10E-44E8-4316-ADBF-4176B85E9969}"/>
            </ac:spMkLst>
          </pc:spChg>
          <pc:spChg chg="mod">
            <ac:chgData name="Jonas Bratseth" userId="7880613d-1198-4bca-afa6-2725a9958330" providerId="ADAL" clId="{95DE8DB2-18F4-433B-B35C-C72863037E4B}" dt="2021-04-27T05:47:54.352" v="1156" actId="790"/>
            <ac:spMkLst>
              <pc:docMk/>
              <pc:sldMasterMk cId="2320628436" sldId="2147483750"/>
              <pc:sldLayoutMk cId="389349032" sldId="2147483761"/>
              <ac:spMk id="18" creationId="{C263C971-72D9-417A-838C-6B7D53DD9AB5}"/>
            </ac:spMkLst>
          </pc:spChg>
          <pc:spChg chg="mod">
            <ac:chgData name="Jonas Bratseth" userId="7880613d-1198-4bca-afa6-2725a9958330" providerId="ADAL" clId="{95DE8DB2-18F4-433B-B35C-C72863037E4B}" dt="2021-04-27T05:47:54.352" v="1157" actId="790"/>
            <ac:spMkLst>
              <pc:docMk/>
              <pc:sldMasterMk cId="2320628436" sldId="2147483750"/>
              <pc:sldLayoutMk cId="389349032" sldId="2147483761"/>
              <ac:spMk id="19" creationId="{A73A6F4C-9B53-4890-BE7B-A022FB064A44}"/>
            </ac:spMkLst>
          </pc:spChg>
          <pc:spChg chg="mod">
            <ac:chgData name="Jonas Bratseth" userId="7880613d-1198-4bca-afa6-2725a9958330" providerId="ADAL" clId="{95DE8DB2-18F4-433B-B35C-C72863037E4B}" dt="2021-04-27T05:47:54.350" v="1153" actId="790"/>
            <ac:spMkLst>
              <pc:docMk/>
              <pc:sldMasterMk cId="2320628436" sldId="2147483750"/>
              <pc:sldLayoutMk cId="389349032" sldId="2147483761"/>
              <ac:spMk id="21" creationId="{1B66DEC5-A299-4233-BF59-D0200E69FC4B}"/>
            </ac:spMkLst>
          </pc:spChg>
          <pc:spChg chg="mod">
            <ac:chgData name="Jonas Bratseth" userId="7880613d-1198-4bca-afa6-2725a9958330" providerId="ADAL" clId="{95DE8DB2-18F4-433B-B35C-C72863037E4B}" dt="2021-04-27T05:47:54.351" v="1154" actId="790"/>
            <ac:spMkLst>
              <pc:docMk/>
              <pc:sldMasterMk cId="2320628436" sldId="2147483750"/>
              <pc:sldLayoutMk cId="389349032" sldId="2147483761"/>
              <ac:spMk id="22" creationId="{36E6D055-A78F-43F7-99EB-B44D7879B8CF}"/>
            </ac:spMkLst>
          </pc:spChg>
          <pc:spChg chg="mod">
            <ac:chgData name="Jonas Bratseth" userId="7880613d-1198-4bca-afa6-2725a9958330" providerId="ADAL" clId="{95DE8DB2-18F4-433B-B35C-C72863037E4B}" dt="2021-04-27T05:47:54.352" v="1158" actId="790"/>
            <ac:spMkLst>
              <pc:docMk/>
              <pc:sldMasterMk cId="2320628436" sldId="2147483750"/>
              <pc:sldLayoutMk cId="389349032" sldId="2147483761"/>
              <ac:spMk id="23" creationId="{0EABF451-A30A-4B70-A311-E02AA51BD73F}"/>
            </ac:spMkLst>
          </pc:spChg>
          <pc:spChg chg="mod">
            <ac:chgData name="Jonas Bratseth" userId="7880613d-1198-4bca-afa6-2725a9958330" providerId="ADAL" clId="{95DE8DB2-18F4-433B-B35C-C72863037E4B}" dt="2021-04-27T05:47:54.354" v="1159" actId="790"/>
            <ac:spMkLst>
              <pc:docMk/>
              <pc:sldMasterMk cId="2320628436" sldId="2147483750"/>
              <pc:sldLayoutMk cId="389349032" sldId="2147483761"/>
              <ac:spMk id="24" creationId="{00C50359-0B90-473E-B638-5C6E12F4E58B}"/>
            </ac:spMkLst>
          </pc:spChg>
          <pc:spChg chg="mod">
            <ac:chgData name="Jonas Bratseth" userId="7880613d-1198-4bca-afa6-2725a9958330" providerId="ADAL" clId="{95DE8DB2-18F4-433B-B35C-C72863037E4B}" dt="2021-04-27T05:47:54.356" v="1160" actId="790"/>
            <ac:spMkLst>
              <pc:docMk/>
              <pc:sldMasterMk cId="2320628436" sldId="2147483750"/>
              <pc:sldLayoutMk cId="389349032" sldId="2147483761"/>
              <ac:spMk id="25" creationId="{12F0BFF5-0BE5-4A17-AD0B-2973A016BC85}"/>
            </ac:spMkLst>
          </pc:spChg>
          <pc:spChg chg="mod">
            <ac:chgData name="Jonas Bratseth" userId="7880613d-1198-4bca-afa6-2725a9958330" providerId="ADAL" clId="{95DE8DB2-18F4-433B-B35C-C72863037E4B}" dt="2021-04-27T05:47:54.356" v="1161" actId="790"/>
            <ac:spMkLst>
              <pc:docMk/>
              <pc:sldMasterMk cId="2320628436" sldId="2147483750"/>
              <pc:sldLayoutMk cId="389349032" sldId="2147483761"/>
              <ac:spMk id="26" creationId="{FE9BE84A-8A6C-41DD-B315-07B16189200B}"/>
            </ac:spMkLst>
          </pc:spChg>
          <pc:spChg chg="mod">
            <ac:chgData name="Jonas Bratseth" userId="7880613d-1198-4bca-afa6-2725a9958330" providerId="ADAL" clId="{95DE8DB2-18F4-433B-B35C-C72863037E4B}" dt="2021-04-27T05:47:54.356" v="1162" actId="790"/>
            <ac:spMkLst>
              <pc:docMk/>
              <pc:sldMasterMk cId="2320628436" sldId="2147483750"/>
              <pc:sldLayoutMk cId="389349032" sldId="2147483761"/>
              <ac:spMk id="27" creationId="{847321C3-4154-44B3-ABFA-277BCB352EE8}"/>
            </ac:spMkLst>
          </pc:spChg>
          <pc:spChg chg="mod">
            <ac:chgData name="Jonas Bratseth" userId="7880613d-1198-4bca-afa6-2725a9958330" providerId="ADAL" clId="{95DE8DB2-18F4-433B-B35C-C72863037E4B}" dt="2021-04-27T05:47:54.356" v="1163" actId="790"/>
            <ac:spMkLst>
              <pc:docMk/>
              <pc:sldMasterMk cId="2320628436" sldId="2147483750"/>
              <pc:sldLayoutMk cId="389349032" sldId="2147483761"/>
              <ac:spMk id="28" creationId="{8B6C8C90-DD52-4FC6-A7FC-0CA1F6B30600}"/>
            </ac:spMkLst>
          </pc:spChg>
          <pc:spChg chg="mod">
            <ac:chgData name="Jonas Bratseth" userId="7880613d-1198-4bca-afa6-2725a9958330" providerId="ADAL" clId="{95DE8DB2-18F4-433B-B35C-C72863037E4B}" dt="2021-04-27T05:47:54.364" v="1164" actId="790"/>
            <ac:spMkLst>
              <pc:docMk/>
              <pc:sldMasterMk cId="2320628436" sldId="2147483750"/>
              <pc:sldLayoutMk cId="389349032" sldId="2147483761"/>
              <ac:spMk id="29" creationId="{172B1DA1-AA1E-4C2A-B921-AD87D5A4E0B4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26.521" v="1890"/>
          <pc:sldLayoutMkLst>
            <pc:docMk/>
            <pc:sldMasterMk cId="2320628436" sldId="2147483750"/>
            <pc:sldLayoutMk cId="4237794960" sldId="2147483762"/>
          </pc:sldLayoutMkLst>
          <pc:spChg chg="mod">
            <ac:chgData name="Jonas Bratseth" userId="7880613d-1198-4bca-afa6-2725a9958330" providerId="ADAL" clId="{95DE8DB2-18F4-433B-B35C-C72863037E4B}" dt="2021-04-27T05:55:26.521" v="1890"/>
            <ac:spMkLst>
              <pc:docMk/>
              <pc:sldMasterMk cId="2320628436" sldId="2147483750"/>
              <pc:sldLayoutMk cId="4237794960" sldId="2147483762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66" v="1167" actId="790"/>
            <ac:spMkLst>
              <pc:docMk/>
              <pc:sldMasterMk cId="2320628436" sldId="2147483750"/>
              <pc:sldLayoutMk cId="4237794960" sldId="2147483762"/>
              <ac:spMk id="10" creationId="{47B43333-FEED-49FB-BE24-313277381374}"/>
            </ac:spMkLst>
          </pc:spChg>
          <pc:spChg chg="mod">
            <ac:chgData name="Jonas Bratseth" userId="7880613d-1198-4bca-afa6-2725a9958330" providerId="ADAL" clId="{95DE8DB2-18F4-433B-B35C-C72863037E4B}" dt="2021-04-27T05:47:54.366" v="1168" actId="790"/>
            <ac:spMkLst>
              <pc:docMk/>
              <pc:sldMasterMk cId="2320628436" sldId="2147483750"/>
              <pc:sldLayoutMk cId="4237794960" sldId="2147483762"/>
              <ac:spMk id="11" creationId="{2FD57A55-73BA-450A-9273-24975A7F5ED6}"/>
            </ac:spMkLst>
          </pc:spChg>
          <pc:spChg chg="mod">
            <ac:chgData name="Jonas Bratseth" userId="7880613d-1198-4bca-afa6-2725a9958330" providerId="ADAL" clId="{95DE8DB2-18F4-433B-B35C-C72863037E4B}" dt="2021-04-27T05:47:54.366" v="1169" actId="790"/>
            <ac:spMkLst>
              <pc:docMk/>
              <pc:sldMasterMk cId="2320628436" sldId="2147483750"/>
              <pc:sldLayoutMk cId="4237794960" sldId="2147483762"/>
              <ac:spMk id="12" creationId="{85BC3D22-7859-41A6-92FD-93C0927C8E6E}"/>
            </ac:spMkLst>
          </pc:spChg>
          <pc:spChg chg="mod">
            <ac:chgData name="Jonas Bratseth" userId="7880613d-1198-4bca-afa6-2725a9958330" providerId="ADAL" clId="{95DE8DB2-18F4-433B-B35C-C72863037E4B}" dt="2021-04-27T05:47:54.366" v="1170" actId="790"/>
            <ac:spMkLst>
              <pc:docMk/>
              <pc:sldMasterMk cId="2320628436" sldId="2147483750"/>
              <pc:sldLayoutMk cId="4237794960" sldId="2147483762"/>
              <ac:spMk id="13" creationId="{4AE4DB8F-1F65-4E96-89C3-A53D39636258}"/>
            </ac:spMkLst>
          </pc:spChg>
          <pc:spChg chg="mod">
            <ac:chgData name="Jonas Bratseth" userId="7880613d-1198-4bca-afa6-2725a9958330" providerId="ADAL" clId="{95DE8DB2-18F4-433B-B35C-C72863037E4B}" dt="2021-04-27T05:47:54.364" v="1165" actId="790"/>
            <ac:spMkLst>
              <pc:docMk/>
              <pc:sldMasterMk cId="2320628436" sldId="2147483750"/>
              <pc:sldLayoutMk cId="4237794960" sldId="2147483762"/>
              <ac:spMk id="15" creationId="{47496953-5DEE-49B4-8211-9067CD1A6D41}"/>
            </ac:spMkLst>
          </pc:spChg>
          <pc:spChg chg="mod">
            <ac:chgData name="Jonas Bratseth" userId="7880613d-1198-4bca-afa6-2725a9958330" providerId="ADAL" clId="{95DE8DB2-18F4-433B-B35C-C72863037E4B}" dt="2021-04-27T05:47:54.366" v="1171" actId="790"/>
            <ac:spMkLst>
              <pc:docMk/>
              <pc:sldMasterMk cId="2320628436" sldId="2147483750"/>
              <pc:sldLayoutMk cId="4237794960" sldId="2147483762"/>
              <ac:spMk id="17" creationId="{37A4E066-E94C-48EF-AFA8-D2837BC7D688}"/>
            </ac:spMkLst>
          </pc:spChg>
          <pc:spChg chg="mod">
            <ac:chgData name="Jonas Bratseth" userId="7880613d-1198-4bca-afa6-2725a9958330" providerId="ADAL" clId="{95DE8DB2-18F4-433B-B35C-C72863037E4B}" dt="2021-04-27T05:47:54.374" v="1172" actId="790"/>
            <ac:spMkLst>
              <pc:docMk/>
              <pc:sldMasterMk cId="2320628436" sldId="2147483750"/>
              <pc:sldLayoutMk cId="4237794960" sldId="2147483762"/>
              <ac:spMk id="18" creationId="{E976DF51-5EA0-4493-B932-EBF3AB39550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45.624" v="2168"/>
          <pc:sldLayoutMkLst>
            <pc:docMk/>
            <pc:sldMasterMk cId="2320628436" sldId="2147483750"/>
            <pc:sldLayoutMk cId="1968016115" sldId="2147483763"/>
          </pc:sldLayoutMkLst>
          <pc:spChg chg="mod">
            <ac:chgData name="Jonas Bratseth" userId="7880613d-1198-4bca-afa6-2725a9958330" providerId="ADAL" clId="{95DE8DB2-18F4-433B-B35C-C72863037E4B}" dt="2021-04-27T05:55:27.941" v="1891"/>
            <ac:spMkLst>
              <pc:docMk/>
              <pc:sldMasterMk cId="2320628436" sldId="2147483750"/>
              <pc:sldLayoutMk cId="1968016115" sldId="214748376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74" v="1173" actId="790"/>
            <ac:spMkLst>
              <pc:docMk/>
              <pc:sldMasterMk cId="2320628436" sldId="2147483750"/>
              <pc:sldLayoutMk cId="1968016115" sldId="2147483763"/>
              <ac:spMk id="14" creationId="{3DE3B279-DDF8-466D-BAE3-E1818024BF9A}"/>
            </ac:spMkLst>
          </pc:spChg>
          <pc:spChg chg="mod">
            <ac:chgData name="Jonas Bratseth" userId="7880613d-1198-4bca-afa6-2725a9958330" providerId="ADAL" clId="{95DE8DB2-18F4-433B-B35C-C72863037E4B}" dt="2021-04-27T05:47:54.376" v="1175" actId="790"/>
            <ac:spMkLst>
              <pc:docMk/>
              <pc:sldMasterMk cId="2320628436" sldId="2147483750"/>
              <pc:sldLayoutMk cId="1968016115" sldId="2147483763"/>
              <ac:spMk id="19" creationId="{A2C02546-FB88-4A2F-8539-75C6D57D7B88}"/>
            </ac:spMkLst>
          </pc:spChg>
          <pc:spChg chg="mod">
            <ac:chgData name="Jonas Bratseth" userId="7880613d-1198-4bca-afa6-2725a9958330" providerId="ADAL" clId="{95DE8DB2-18F4-433B-B35C-C72863037E4B}" dt="2021-04-27T05:47:54.376" v="1176" actId="790"/>
            <ac:spMkLst>
              <pc:docMk/>
              <pc:sldMasterMk cId="2320628436" sldId="2147483750"/>
              <pc:sldLayoutMk cId="1968016115" sldId="2147483763"/>
              <ac:spMk id="22" creationId="{D9E60C3C-3A07-409E-8AE9-F1074D1BA138}"/>
            </ac:spMkLst>
          </pc:spChg>
          <pc:spChg chg="mod">
            <ac:chgData name="Jonas Bratseth" userId="7880613d-1198-4bca-afa6-2725a9958330" providerId="ADAL" clId="{95DE8DB2-18F4-433B-B35C-C72863037E4B}" dt="2021-04-27T06:03:44.137" v="2165"/>
            <ac:spMkLst>
              <pc:docMk/>
              <pc:sldMasterMk cId="2320628436" sldId="2147483750"/>
              <pc:sldLayoutMk cId="1968016115" sldId="2147483763"/>
              <ac:spMk id="25" creationId="{491A31F3-225A-4D87-ADDA-6E4F2B4414BC}"/>
            </ac:spMkLst>
          </pc:spChg>
          <pc:spChg chg="mod">
            <ac:chgData name="Jonas Bratseth" userId="7880613d-1198-4bca-afa6-2725a9958330" providerId="ADAL" clId="{95DE8DB2-18F4-433B-B35C-C72863037E4B}" dt="2021-04-27T05:47:54.376" v="1178" actId="790"/>
            <ac:spMkLst>
              <pc:docMk/>
              <pc:sldMasterMk cId="2320628436" sldId="2147483750"/>
              <pc:sldLayoutMk cId="1968016115" sldId="2147483763"/>
              <ac:spMk id="28" creationId="{B770482F-CCB3-4B7D-8454-DB70EA6B339E}"/>
            </ac:spMkLst>
          </pc:spChg>
          <pc:spChg chg="mod">
            <ac:chgData name="Jonas Bratseth" userId="7880613d-1198-4bca-afa6-2725a9958330" providerId="ADAL" clId="{95DE8DB2-18F4-433B-B35C-C72863037E4B}" dt="2021-04-27T06:03:44.623" v="2166"/>
            <ac:spMkLst>
              <pc:docMk/>
              <pc:sldMasterMk cId="2320628436" sldId="2147483750"/>
              <pc:sldLayoutMk cId="1968016115" sldId="2147483763"/>
              <ac:spMk id="29" creationId="{39E9E977-CEA3-4EC6-B64B-8B752209210F}"/>
            </ac:spMkLst>
          </pc:spChg>
          <pc:spChg chg="mod">
            <ac:chgData name="Jonas Bratseth" userId="7880613d-1198-4bca-afa6-2725a9958330" providerId="ADAL" clId="{95DE8DB2-18F4-433B-B35C-C72863037E4B}" dt="2021-04-27T05:47:54.376" v="1180" actId="790"/>
            <ac:spMkLst>
              <pc:docMk/>
              <pc:sldMasterMk cId="2320628436" sldId="2147483750"/>
              <pc:sldLayoutMk cId="1968016115" sldId="2147483763"/>
              <ac:spMk id="30" creationId="{C1010C08-ED2F-4346-B923-CF1C42334866}"/>
            </ac:spMkLst>
          </pc:spChg>
          <pc:spChg chg="mod">
            <ac:chgData name="Jonas Bratseth" userId="7880613d-1198-4bca-afa6-2725a9958330" providerId="ADAL" clId="{95DE8DB2-18F4-433B-B35C-C72863037E4B}" dt="2021-04-27T06:03:45.039" v="2167"/>
            <ac:spMkLst>
              <pc:docMk/>
              <pc:sldMasterMk cId="2320628436" sldId="2147483750"/>
              <pc:sldLayoutMk cId="1968016115" sldId="2147483763"/>
              <ac:spMk id="31" creationId="{9A0707BB-1CE3-46AA-B7BC-5BE7AF8A6C7E}"/>
            </ac:spMkLst>
          </pc:spChg>
          <pc:spChg chg="mod">
            <ac:chgData name="Jonas Bratseth" userId="7880613d-1198-4bca-afa6-2725a9958330" providerId="ADAL" clId="{95DE8DB2-18F4-433B-B35C-C72863037E4B}" dt="2021-04-27T05:47:54.376" v="1182" actId="790"/>
            <ac:spMkLst>
              <pc:docMk/>
              <pc:sldMasterMk cId="2320628436" sldId="2147483750"/>
              <pc:sldLayoutMk cId="1968016115" sldId="2147483763"/>
              <ac:spMk id="33" creationId="{35959A58-30AE-4118-BE88-ED24FA348376}"/>
            </ac:spMkLst>
          </pc:spChg>
          <pc:spChg chg="mod">
            <ac:chgData name="Jonas Bratseth" userId="7880613d-1198-4bca-afa6-2725a9958330" providerId="ADAL" clId="{95DE8DB2-18F4-433B-B35C-C72863037E4B}" dt="2021-04-27T06:03:45.624" v="2168"/>
            <ac:spMkLst>
              <pc:docMk/>
              <pc:sldMasterMk cId="2320628436" sldId="2147483750"/>
              <pc:sldLayoutMk cId="1968016115" sldId="2147483763"/>
              <ac:spMk id="35" creationId="{F561E615-F952-477F-8C9B-46657624D0D6}"/>
            </ac:spMkLst>
          </pc:spChg>
          <pc:spChg chg="mod">
            <ac:chgData name="Jonas Bratseth" userId="7880613d-1198-4bca-afa6-2725a9958330" providerId="ADAL" clId="{95DE8DB2-18F4-433B-B35C-C72863037E4B}" dt="2021-04-27T05:47:54.376" v="1184" actId="790"/>
            <ac:spMkLst>
              <pc:docMk/>
              <pc:sldMasterMk cId="2320628436" sldId="2147483750"/>
              <pc:sldLayoutMk cId="1968016115" sldId="2147483763"/>
              <ac:spMk id="37" creationId="{E7F1059D-1183-42ED-8503-3865336F7102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49.269" v="2172"/>
          <pc:sldLayoutMkLst>
            <pc:docMk/>
            <pc:sldMasterMk cId="2320628436" sldId="2147483750"/>
            <pc:sldLayoutMk cId="3826938538" sldId="2147483764"/>
          </pc:sldLayoutMkLst>
          <pc:spChg chg="mod">
            <ac:chgData name="Jonas Bratseth" userId="7880613d-1198-4bca-afa6-2725a9958330" providerId="ADAL" clId="{95DE8DB2-18F4-433B-B35C-C72863037E4B}" dt="2021-04-27T05:55:29.163" v="1892"/>
            <ac:spMkLst>
              <pc:docMk/>
              <pc:sldMasterMk cId="2320628436" sldId="2147483750"/>
              <pc:sldLayoutMk cId="3826938538" sldId="214748376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76" v="1185" actId="790"/>
            <ac:spMkLst>
              <pc:docMk/>
              <pc:sldMasterMk cId="2320628436" sldId="2147483750"/>
              <pc:sldLayoutMk cId="3826938538" sldId="2147483764"/>
              <ac:spMk id="18" creationId="{76539932-1E73-416C-8188-05D9D9AB2176}"/>
            </ac:spMkLst>
          </pc:spChg>
          <pc:spChg chg="mod">
            <ac:chgData name="Jonas Bratseth" userId="7880613d-1198-4bca-afa6-2725a9958330" providerId="ADAL" clId="{95DE8DB2-18F4-433B-B35C-C72863037E4B}" dt="2021-04-27T06:03:47.541" v="2169"/>
            <ac:spMkLst>
              <pc:docMk/>
              <pc:sldMasterMk cId="2320628436" sldId="2147483750"/>
              <pc:sldLayoutMk cId="3826938538" sldId="2147483764"/>
              <ac:spMk id="19" creationId="{C25A96DF-E25B-493F-9B08-34427FD0124C}"/>
            </ac:spMkLst>
          </pc:spChg>
          <pc:spChg chg="mod">
            <ac:chgData name="Jonas Bratseth" userId="7880613d-1198-4bca-afa6-2725a9958330" providerId="ADAL" clId="{95DE8DB2-18F4-433B-B35C-C72863037E4B}" dt="2021-04-27T05:47:54.386" v="1191" actId="790"/>
            <ac:spMkLst>
              <pc:docMk/>
              <pc:sldMasterMk cId="2320628436" sldId="2147483750"/>
              <pc:sldLayoutMk cId="3826938538" sldId="2147483764"/>
              <ac:spMk id="21" creationId="{0C772AAB-162D-415B-AD04-9197D0E931EA}"/>
            </ac:spMkLst>
          </pc:spChg>
          <pc:spChg chg="mod">
            <ac:chgData name="Jonas Bratseth" userId="7880613d-1198-4bca-afa6-2725a9958330" providerId="ADAL" clId="{95DE8DB2-18F4-433B-B35C-C72863037E4B}" dt="2021-04-27T05:47:54.386" v="1192" actId="790"/>
            <ac:spMkLst>
              <pc:docMk/>
              <pc:sldMasterMk cId="2320628436" sldId="2147483750"/>
              <pc:sldLayoutMk cId="3826938538" sldId="2147483764"/>
              <ac:spMk id="22" creationId="{8FDE23EB-7781-47C5-8E9D-5ECB5CACE725}"/>
            </ac:spMkLst>
          </pc:spChg>
          <pc:spChg chg="mod">
            <ac:chgData name="Jonas Bratseth" userId="7880613d-1198-4bca-afa6-2725a9958330" providerId="ADAL" clId="{95DE8DB2-18F4-433B-B35C-C72863037E4B}" dt="2021-04-27T05:58:30.525" v="2011"/>
            <ac:spMkLst>
              <pc:docMk/>
              <pc:sldMasterMk cId="2320628436" sldId="2147483750"/>
              <pc:sldLayoutMk cId="3826938538" sldId="2147483764"/>
              <ac:spMk id="23" creationId="{4B688F53-BBB1-445E-A6F3-E882BF4350CF}"/>
            </ac:spMkLst>
          </pc:spChg>
          <pc:spChg chg="mod">
            <ac:chgData name="Jonas Bratseth" userId="7880613d-1198-4bca-afa6-2725a9958330" providerId="ADAL" clId="{95DE8DB2-18F4-433B-B35C-C72863037E4B}" dt="2021-04-27T06:03:48.142" v="2170"/>
            <ac:spMkLst>
              <pc:docMk/>
              <pc:sldMasterMk cId="2320628436" sldId="2147483750"/>
              <pc:sldLayoutMk cId="3826938538" sldId="2147483764"/>
              <ac:spMk id="25" creationId="{B7F89116-451F-4DD0-89B2-164F33BA6B05}"/>
            </ac:spMkLst>
          </pc:spChg>
          <pc:spChg chg="mod">
            <ac:chgData name="Jonas Bratseth" userId="7880613d-1198-4bca-afa6-2725a9958330" providerId="ADAL" clId="{95DE8DB2-18F4-433B-B35C-C72863037E4B}" dt="2021-04-27T05:58:31.157" v="2012"/>
            <ac:spMkLst>
              <pc:docMk/>
              <pc:sldMasterMk cId="2320628436" sldId="2147483750"/>
              <pc:sldLayoutMk cId="3826938538" sldId="2147483764"/>
              <ac:spMk id="26" creationId="{8632DFC8-C898-4272-AAA3-FAD775176DD5}"/>
            </ac:spMkLst>
          </pc:spChg>
          <pc:spChg chg="mod">
            <ac:chgData name="Jonas Bratseth" userId="7880613d-1198-4bca-afa6-2725a9958330" providerId="ADAL" clId="{95DE8DB2-18F4-433B-B35C-C72863037E4B}" dt="2021-04-27T06:03:48.690" v="2171"/>
            <ac:spMkLst>
              <pc:docMk/>
              <pc:sldMasterMk cId="2320628436" sldId="2147483750"/>
              <pc:sldLayoutMk cId="3826938538" sldId="2147483764"/>
              <ac:spMk id="28" creationId="{DED5923B-5AAF-4245-877F-42ACB4621ECD}"/>
            </ac:spMkLst>
          </pc:spChg>
          <pc:spChg chg="mod">
            <ac:chgData name="Jonas Bratseth" userId="7880613d-1198-4bca-afa6-2725a9958330" providerId="ADAL" clId="{95DE8DB2-18F4-433B-B35C-C72863037E4B}" dt="2021-04-27T05:58:31.808" v="2013"/>
            <ac:spMkLst>
              <pc:docMk/>
              <pc:sldMasterMk cId="2320628436" sldId="2147483750"/>
              <pc:sldLayoutMk cId="3826938538" sldId="2147483764"/>
              <ac:spMk id="29" creationId="{DDA51DB5-67DF-4204-8F10-9CCD29DCCCB7}"/>
            </ac:spMkLst>
          </pc:spChg>
          <pc:spChg chg="mod">
            <ac:chgData name="Jonas Bratseth" userId="7880613d-1198-4bca-afa6-2725a9958330" providerId="ADAL" clId="{95DE8DB2-18F4-433B-B35C-C72863037E4B}" dt="2021-04-27T06:03:49.269" v="2172"/>
            <ac:spMkLst>
              <pc:docMk/>
              <pc:sldMasterMk cId="2320628436" sldId="2147483750"/>
              <pc:sldLayoutMk cId="3826938538" sldId="2147483764"/>
              <ac:spMk id="31" creationId="{DDC7ECDF-DFCF-4BD8-B37A-1D7F2B6B18D1}"/>
            </ac:spMkLst>
          </pc:spChg>
          <pc:spChg chg="mod">
            <ac:chgData name="Jonas Bratseth" userId="7880613d-1198-4bca-afa6-2725a9958330" providerId="ADAL" clId="{95DE8DB2-18F4-433B-B35C-C72863037E4B}" dt="2021-04-27T05:58:32.463" v="2014"/>
            <ac:spMkLst>
              <pc:docMk/>
              <pc:sldMasterMk cId="2320628436" sldId="2147483750"/>
              <pc:sldLayoutMk cId="3826938538" sldId="2147483764"/>
              <ac:spMk id="32" creationId="{DD1D1FBC-C20C-41F8-BFCD-83937A110CAB}"/>
            </ac:spMkLst>
          </pc:spChg>
          <pc:spChg chg="mod">
            <ac:chgData name="Jonas Bratseth" userId="7880613d-1198-4bca-afa6-2725a9958330" providerId="ADAL" clId="{95DE8DB2-18F4-433B-B35C-C72863037E4B}" dt="2021-04-27T05:47:54.384" v="1186" actId="790"/>
            <ac:spMkLst>
              <pc:docMk/>
              <pc:sldMasterMk cId="2320628436" sldId="2147483750"/>
              <pc:sldLayoutMk cId="3826938538" sldId="2147483764"/>
              <ac:spMk id="33" creationId="{CDF75CAD-AF26-4B2E-A1D7-033275C98088}"/>
            </ac:spMkLst>
          </pc:spChg>
          <pc:spChg chg="mod">
            <ac:chgData name="Jonas Bratseth" userId="7880613d-1198-4bca-afa6-2725a9958330" providerId="ADAL" clId="{95DE8DB2-18F4-433B-B35C-C72863037E4B}" dt="2021-04-27T05:47:54.384" v="1187" actId="790"/>
            <ac:spMkLst>
              <pc:docMk/>
              <pc:sldMasterMk cId="2320628436" sldId="2147483750"/>
              <pc:sldLayoutMk cId="3826938538" sldId="2147483764"/>
              <ac:spMk id="34" creationId="{5578FDE3-879E-4781-9E54-49B9F581D624}"/>
            </ac:spMkLst>
          </pc:spChg>
          <pc:spChg chg="mod">
            <ac:chgData name="Jonas Bratseth" userId="7880613d-1198-4bca-afa6-2725a9958330" providerId="ADAL" clId="{95DE8DB2-18F4-433B-B35C-C72863037E4B}" dt="2021-04-27T05:47:54.384" v="1188" actId="790"/>
            <ac:spMkLst>
              <pc:docMk/>
              <pc:sldMasterMk cId="2320628436" sldId="2147483750"/>
              <pc:sldLayoutMk cId="3826938538" sldId="2147483764"/>
              <ac:spMk id="35" creationId="{CEC2E523-2461-4546-8557-352F64BC07AF}"/>
            </ac:spMkLst>
          </pc:spChg>
          <pc:spChg chg="mod">
            <ac:chgData name="Jonas Bratseth" userId="7880613d-1198-4bca-afa6-2725a9958330" providerId="ADAL" clId="{95DE8DB2-18F4-433B-B35C-C72863037E4B}" dt="2021-04-27T05:47:54.386" v="1189" actId="790"/>
            <ac:spMkLst>
              <pc:docMk/>
              <pc:sldMasterMk cId="2320628436" sldId="2147483750"/>
              <pc:sldLayoutMk cId="3826938538" sldId="2147483764"/>
              <ac:spMk id="36" creationId="{EA36C350-37EB-4618-9718-4836D79EF3E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31.516" v="1894"/>
          <pc:sldLayoutMkLst>
            <pc:docMk/>
            <pc:sldMasterMk cId="2320628436" sldId="2147483750"/>
            <pc:sldLayoutMk cId="3568688972" sldId="2147483765"/>
          </pc:sldLayoutMkLst>
          <pc:spChg chg="mod">
            <ac:chgData name="Jonas Bratseth" userId="7880613d-1198-4bca-afa6-2725a9958330" providerId="ADAL" clId="{95DE8DB2-18F4-433B-B35C-C72863037E4B}" dt="2021-04-27T05:55:31.516" v="1894"/>
            <ac:spMkLst>
              <pc:docMk/>
              <pc:sldMasterMk cId="2320628436" sldId="2147483750"/>
              <pc:sldLayoutMk cId="3568688972" sldId="214748376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96" v="1211" actId="790"/>
            <ac:spMkLst>
              <pc:docMk/>
              <pc:sldMasterMk cId="2320628436" sldId="2147483750"/>
              <pc:sldLayoutMk cId="3568688972" sldId="2147483765"/>
              <ac:spMk id="6" creationId="{AD474BC7-695C-44CF-B728-5A6596373BB3}"/>
            </ac:spMkLst>
          </pc:spChg>
          <pc:spChg chg="mod">
            <ac:chgData name="Jonas Bratseth" userId="7880613d-1198-4bca-afa6-2725a9958330" providerId="ADAL" clId="{95DE8DB2-18F4-433B-B35C-C72863037E4B}" dt="2021-04-27T05:47:54.396" v="1212" actId="790"/>
            <ac:spMkLst>
              <pc:docMk/>
              <pc:sldMasterMk cId="2320628436" sldId="2147483750"/>
              <pc:sldLayoutMk cId="3568688972" sldId="2147483765"/>
              <ac:spMk id="7" creationId="{604936F4-C83E-4EE0-B9AC-7015095748A8}"/>
            </ac:spMkLst>
          </pc:spChg>
          <pc:spChg chg="mod">
            <ac:chgData name="Jonas Bratseth" userId="7880613d-1198-4bca-afa6-2725a9958330" providerId="ADAL" clId="{95DE8DB2-18F4-433B-B35C-C72863037E4B}" dt="2021-04-27T05:47:54.396" v="1209" actId="790"/>
            <ac:spMkLst>
              <pc:docMk/>
              <pc:sldMasterMk cId="2320628436" sldId="2147483750"/>
              <pc:sldLayoutMk cId="3568688972" sldId="2147483765"/>
              <ac:spMk id="8" creationId="{08837074-A41C-4499-BC7D-9E0AF85D67F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396" v="1213" actId="790"/>
          <pc:sldLayoutMkLst>
            <pc:docMk/>
            <pc:sldMasterMk cId="2320628436" sldId="2147483750"/>
            <pc:sldLayoutMk cId="2089172061" sldId="2147483766"/>
          </pc:sldLayoutMkLst>
          <pc:spChg chg="mod">
            <ac:chgData name="Jonas Bratseth" userId="7880613d-1198-4bca-afa6-2725a9958330" providerId="ADAL" clId="{95DE8DB2-18F4-433B-B35C-C72863037E4B}" dt="2021-04-27T05:47:54.396" v="1213" actId="790"/>
            <ac:spMkLst>
              <pc:docMk/>
              <pc:sldMasterMk cId="2320628436" sldId="2147483750"/>
              <pc:sldLayoutMk cId="2089172061" sldId="2147483766"/>
              <ac:spMk id="5" creationId="{04904180-C847-4FC0-9759-1956EECC4080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3:52.200" v="2176"/>
          <pc:sldLayoutMkLst>
            <pc:docMk/>
            <pc:sldMasterMk cId="2320628436" sldId="2147483750"/>
            <pc:sldLayoutMk cId="3113852648" sldId="2147483785"/>
          </pc:sldLayoutMkLst>
          <pc:spChg chg="mod">
            <ac:chgData name="Jonas Bratseth" userId="7880613d-1198-4bca-afa6-2725a9958330" providerId="ADAL" clId="{95DE8DB2-18F4-433B-B35C-C72863037E4B}" dt="2021-04-27T05:55:30.384" v="1893"/>
            <ac:spMkLst>
              <pc:docMk/>
              <pc:sldMasterMk cId="2320628436" sldId="2147483750"/>
              <pc:sldLayoutMk cId="3113852648" sldId="214748378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386" v="1199" actId="790"/>
            <ac:spMkLst>
              <pc:docMk/>
              <pc:sldMasterMk cId="2320628436" sldId="2147483750"/>
              <pc:sldLayoutMk cId="3113852648" sldId="2147483785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396" v="1207" actId="790"/>
            <ac:spMkLst>
              <pc:docMk/>
              <pc:sldMasterMk cId="2320628436" sldId="2147483750"/>
              <pc:sldLayoutMk cId="3113852648" sldId="2147483785"/>
              <ac:spMk id="13" creationId="{90A882E4-74CE-4D92-BC8D-06B977AEB64A}"/>
            </ac:spMkLst>
          </pc:spChg>
          <pc:spChg chg="mod">
            <ac:chgData name="Jonas Bratseth" userId="7880613d-1198-4bca-afa6-2725a9958330" providerId="ADAL" clId="{95DE8DB2-18F4-433B-B35C-C72863037E4B}" dt="2021-04-27T05:47:54.396" v="1208" actId="790"/>
            <ac:spMkLst>
              <pc:docMk/>
              <pc:sldMasterMk cId="2320628436" sldId="2147483750"/>
              <pc:sldLayoutMk cId="3113852648" sldId="2147483785"/>
              <ac:spMk id="14" creationId="{0B11BCFA-81AC-404C-B12E-AB24A852C210}"/>
            </ac:spMkLst>
          </pc:spChg>
          <pc:spChg chg="mod">
            <ac:chgData name="Jonas Bratseth" userId="7880613d-1198-4bca-afa6-2725a9958330" providerId="ADAL" clId="{95DE8DB2-18F4-433B-B35C-C72863037E4B}" dt="2021-04-27T05:47:54.386" v="1197" actId="790"/>
            <ac:spMkLst>
              <pc:docMk/>
              <pc:sldMasterMk cId="2320628436" sldId="2147483750"/>
              <pc:sldLayoutMk cId="3113852648" sldId="2147483785"/>
              <ac:spMk id="15" creationId="{A7B3EC54-C1D9-4993-BCF2-0F580D9823AB}"/>
            </ac:spMkLst>
          </pc:spChg>
          <pc:spChg chg="mod">
            <ac:chgData name="Jonas Bratseth" userId="7880613d-1198-4bca-afa6-2725a9958330" providerId="ADAL" clId="{95DE8DB2-18F4-433B-B35C-C72863037E4B}" dt="2021-04-27T06:03:50.547" v="2173"/>
            <ac:spMkLst>
              <pc:docMk/>
              <pc:sldMasterMk cId="2320628436" sldId="2147483750"/>
              <pc:sldLayoutMk cId="3113852648" sldId="2147483785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394" v="1201" actId="790"/>
            <ac:spMkLst>
              <pc:docMk/>
              <pc:sldMasterMk cId="2320628436" sldId="2147483750"/>
              <pc:sldLayoutMk cId="3113852648" sldId="2147483785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3:51.032" v="2174"/>
            <ac:spMkLst>
              <pc:docMk/>
              <pc:sldMasterMk cId="2320628436" sldId="2147483750"/>
              <pc:sldLayoutMk cId="3113852648" sldId="2147483785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394" v="1203" actId="790"/>
            <ac:spMkLst>
              <pc:docMk/>
              <pc:sldMasterMk cId="2320628436" sldId="2147483750"/>
              <pc:sldLayoutMk cId="3113852648" sldId="2147483785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3:51.612" v="2175"/>
            <ac:spMkLst>
              <pc:docMk/>
              <pc:sldMasterMk cId="2320628436" sldId="2147483750"/>
              <pc:sldLayoutMk cId="3113852648" sldId="2147483785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396" v="1205" actId="790"/>
            <ac:spMkLst>
              <pc:docMk/>
              <pc:sldMasterMk cId="2320628436" sldId="2147483750"/>
              <pc:sldLayoutMk cId="3113852648" sldId="2147483785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3:52.200" v="2176"/>
            <ac:spMkLst>
              <pc:docMk/>
              <pc:sldMasterMk cId="2320628436" sldId="2147483750"/>
              <pc:sldLayoutMk cId="3113852648" sldId="2147483785"/>
              <ac:spMk id="51" creationId="{9B87CD94-7A09-4FBF-8581-99B20B7C8576}"/>
            </ac:spMkLst>
          </pc:spChg>
        </pc:sldLayoutChg>
      </pc:sldMasterChg>
      <pc:sldMasterChg chg="modSp mod modSldLayout">
        <pc:chgData name="Jonas Bratseth" userId="7880613d-1198-4bca-afa6-2725a9958330" providerId="ADAL" clId="{95DE8DB2-18F4-433B-B35C-C72863037E4B}" dt="2021-04-27T06:06:36.682" v="2267"/>
        <pc:sldMasterMkLst>
          <pc:docMk/>
          <pc:sldMasterMk cId="2243831206" sldId="2147483767"/>
        </pc:sldMasterMkLst>
        <pc:spChg chg="mod">
          <ac:chgData name="Jonas Bratseth" userId="7880613d-1198-4bca-afa6-2725a9958330" providerId="ADAL" clId="{95DE8DB2-18F4-433B-B35C-C72863037E4B}" dt="2021-04-27T05:55:33.401" v="1895"/>
          <ac:spMkLst>
            <pc:docMk/>
            <pc:sldMasterMk cId="2243831206" sldId="2147483767"/>
            <ac:spMk id="2" creationId="{EC00E0C1-94DD-4E87-91A3-A53B9DA66CC3}"/>
          </ac:spMkLst>
        </pc:spChg>
        <pc:spChg chg="mod">
          <ac:chgData name="Jonas Bratseth" userId="7880613d-1198-4bca-afa6-2725a9958330" providerId="ADAL" clId="{95DE8DB2-18F4-433B-B35C-C72863037E4B}" dt="2021-04-27T06:06:27.757" v="2265"/>
          <ac:spMkLst>
            <pc:docMk/>
            <pc:sldMasterMk cId="2243831206" sldId="2147483767"/>
            <ac:spMk id="3" creationId="{FB7FA735-9FEC-45E4-8627-8C8C6073AC5F}"/>
          </ac:spMkLst>
        </pc:spChg>
        <pc:sldLayoutChg chg="modSp mod">
          <pc:chgData name="Jonas Bratseth" userId="7880613d-1198-4bca-afa6-2725a9958330" providerId="ADAL" clId="{95DE8DB2-18F4-433B-B35C-C72863037E4B}" dt="2021-04-27T06:01:28.208" v="2119"/>
          <pc:sldLayoutMkLst>
            <pc:docMk/>
            <pc:sldMasterMk cId="2243831206" sldId="2147483767"/>
            <pc:sldLayoutMk cId="1983850776" sldId="2147483768"/>
          </pc:sldLayoutMkLst>
          <pc:spChg chg="mod">
            <ac:chgData name="Jonas Bratseth" userId="7880613d-1198-4bca-afa6-2725a9958330" providerId="ADAL" clId="{95DE8DB2-18F4-433B-B35C-C72863037E4B}" dt="2021-04-27T05:47:54.396" v="1214" actId="790"/>
            <ac:spMkLst>
              <pc:docMk/>
              <pc:sldMasterMk cId="2243831206" sldId="2147483767"/>
              <pc:sldLayoutMk cId="1983850776" sldId="2147483768"/>
              <ac:spMk id="3" creationId="{E2091FE9-5642-447B-A657-51E61C78B318}"/>
            </ac:spMkLst>
          </pc:spChg>
          <pc:spChg chg="mod">
            <ac:chgData name="Jonas Bratseth" userId="7880613d-1198-4bca-afa6-2725a9958330" providerId="ADAL" clId="{95DE8DB2-18F4-433B-B35C-C72863037E4B}" dt="2021-04-27T05:58:41.068" v="2016"/>
            <ac:spMkLst>
              <pc:docMk/>
              <pc:sldMasterMk cId="2243831206" sldId="2147483767"/>
              <pc:sldLayoutMk cId="1983850776" sldId="2147483768"/>
              <ac:spMk id="10" creationId="{BA9FE935-F199-41D7-871A-24EC1D9C5AD9}"/>
            </ac:spMkLst>
          </pc:spChg>
          <pc:spChg chg="mod">
            <ac:chgData name="Jonas Bratseth" userId="7880613d-1198-4bca-afa6-2725a9958330" providerId="ADAL" clId="{95DE8DB2-18F4-433B-B35C-C72863037E4B}" dt="2021-04-27T05:47:54.406" v="1217" actId="790"/>
            <ac:spMkLst>
              <pc:docMk/>
              <pc:sldMasterMk cId="2243831206" sldId="2147483767"/>
              <pc:sldLayoutMk cId="1983850776" sldId="2147483768"/>
              <ac:spMk id="11" creationId="{A4B5E9D0-5AD0-4620-898F-B8CBAD3BCBA3}"/>
            </ac:spMkLst>
          </pc:spChg>
          <pc:spChg chg="mod">
            <ac:chgData name="Jonas Bratseth" userId="7880613d-1198-4bca-afa6-2725a9958330" providerId="ADAL" clId="{95DE8DB2-18F4-433B-B35C-C72863037E4B}" dt="2021-04-27T05:47:54.404" v="1215" actId="790"/>
            <ac:spMkLst>
              <pc:docMk/>
              <pc:sldMasterMk cId="2243831206" sldId="2147483767"/>
              <pc:sldLayoutMk cId="1983850776" sldId="2147483768"/>
              <ac:spMk id="12" creationId="{C4136857-8A04-412B-B6B5-632FD407B032}"/>
            </ac:spMkLst>
          </pc:spChg>
          <pc:spChg chg="mod">
            <ac:chgData name="Jonas Bratseth" userId="7880613d-1198-4bca-afa6-2725a9958330" providerId="ADAL" clId="{95DE8DB2-18F4-433B-B35C-C72863037E4B}" dt="2021-04-27T06:01:28.208" v="2119"/>
            <ac:spMkLst>
              <pc:docMk/>
              <pc:sldMasterMk cId="2243831206" sldId="2147483767"/>
              <pc:sldLayoutMk cId="1983850776" sldId="2147483768"/>
              <ac:spMk id="13" creationId="{8EDF94FC-487E-4582-A68F-1CE82F069903}"/>
            </ac:spMkLst>
          </pc:spChg>
          <pc:spChg chg="mod">
            <ac:chgData name="Jonas Bratseth" userId="7880613d-1198-4bca-afa6-2725a9958330" providerId="ADAL" clId="{95DE8DB2-18F4-433B-B35C-C72863037E4B}" dt="2021-04-27T05:58:40.130" v="2015"/>
            <ac:spMkLst>
              <pc:docMk/>
              <pc:sldMasterMk cId="2243831206" sldId="2147483767"/>
              <pc:sldLayoutMk cId="1983850776" sldId="2147483768"/>
              <ac:spMk id="18" creationId="{3891292E-00E9-453D-967C-3464D9CCC4F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30.171" v="2120"/>
          <pc:sldLayoutMkLst>
            <pc:docMk/>
            <pc:sldMasterMk cId="2243831206" sldId="2147483767"/>
            <pc:sldLayoutMk cId="781437595" sldId="2147483769"/>
          </pc:sldLayoutMkLst>
          <pc:spChg chg="mod">
            <ac:chgData name="Jonas Bratseth" userId="7880613d-1198-4bca-afa6-2725a9958330" providerId="ADAL" clId="{95DE8DB2-18F4-433B-B35C-C72863037E4B}" dt="2021-04-27T05:47:54.406" v="1218" actId="790"/>
            <ac:spMkLst>
              <pc:docMk/>
              <pc:sldMasterMk cId="2243831206" sldId="2147483767"/>
              <pc:sldLayoutMk cId="781437595" sldId="2147483769"/>
              <ac:spMk id="2" creationId="{A1E49F8F-D418-4FBA-825E-A63F2DDD8F1E}"/>
            </ac:spMkLst>
          </pc:spChg>
          <pc:spChg chg="mod">
            <ac:chgData name="Jonas Bratseth" userId="7880613d-1198-4bca-afa6-2725a9958330" providerId="ADAL" clId="{95DE8DB2-18F4-433B-B35C-C72863037E4B}" dt="2021-04-27T06:01:30.171" v="2120"/>
            <ac:spMkLst>
              <pc:docMk/>
              <pc:sldMasterMk cId="2243831206" sldId="2147483767"/>
              <pc:sldLayoutMk cId="781437595" sldId="2147483769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406" v="1220" actId="790"/>
            <ac:spMkLst>
              <pc:docMk/>
              <pc:sldMasterMk cId="2243831206" sldId="2147483767"/>
              <pc:sldLayoutMk cId="781437595" sldId="2147483769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47:54.406" v="1223" actId="790"/>
            <ac:spMkLst>
              <pc:docMk/>
              <pc:sldMasterMk cId="2243831206" sldId="2147483767"/>
              <pc:sldLayoutMk cId="781437595" sldId="2147483769"/>
              <ac:spMk id="9" creationId="{47C6278C-3D38-4D4F-9845-8E9C33C17261}"/>
            </ac:spMkLst>
          </pc:spChg>
          <pc:spChg chg="mod">
            <ac:chgData name="Jonas Bratseth" userId="7880613d-1198-4bca-afa6-2725a9958330" providerId="ADAL" clId="{95DE8DB2-18F4-433B-B35C-C72863037E4B}" dt="2021-04-27T05:58:44.601" v="2018"/>
            <ac:spMkLst>
              <pc:docMk/>
              <pc:sldMasterMk cId="2243831206" sldId="2147483767"/>
              <pc:sldLayoutMk cId="781437595" sldId="2147483769"/>
              <ac:spMk id="25" creationId="{48F152A9-0360-426A-B041-448208E46CB2}"/>
            </ac:spMkLst>
          </pc:spChg>
          <pc:spChg chg="mod">
            <ac:chgData name="Jonas Bratseth" userId="7880613d-1198-4bca-afa6-2725a9958330" providerId="ADAL" clId="{95DE8DB2-18F4-433B-B35C-C72863037E4B}" dt="2021-04-27T05:58:43.502" v="2017"/>
            <ac:spMkLst>
              <pc:docMk/>
              <pc:sldMasterMk cId="2243831206" sldId="2147483767"/>
              <pc:sldLayoutMk cId="781437595" sldId="2147483769"/>
              <ac:spMk id="30" creationId="{4CC0A7DB-27EF-4BE8-93B0-2E99409AE43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32.017" v="2121"/>
          <pc:sldLayoutMkLst>
            <pc:docMk/>
            <pc:sldMasterMk cId="2243831206" sldId="2147483767"/>
            <pc:sldLayoutMk cId="2098187026" sldId="2147483770"/>
          </pc:sldLayoutMkLst>
          <pc:spChg chg="mod">
            <ac:chgData name="Jonas Bratseth" userId="7880613d-1198-4bca-afa6-2725a9958330" providerId="ADAL" clId="{95DE8DB2-18F4-433B-B35C-C72863037E4B}" dt="2021-04-27T06:01:32.017" v="2121"/>
            <ac:spMkLst>
              <pc:docMk/>
              <pc:sldMasterMk cId="2243831206" sldId="2147483767"/>
              <pc:sldLayoutMk cId="2098187026" sldId="2147483770"/>
              <ac:spMk id="3" creationId="{8637D6E0-F061-4BBC-8DBC-562373D266A8}"/>
            </ac:spMkLst>
          </pc:spChg>
          <pc:spChg chg="mod">
            <ac:chgData name="Jonas Bratseth" userId="7880613d-1198-4bca-afa6-2725a9958330" providerId="ADAL" clId="{95DE8DB2-18F4-433B-B35C-C72863037E4B}" dt="2021-04-27T05:47:54.416" v="1227" actId="790"/>
            <ac:spMkLst>
              <pc:docMk/>
              <pc:sldMasterMk cId="2243831206" sldId="2147483767"/>
              <pc:sldLayoutMk cId="2098187026" sldId="2147483770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58:52.294" v="2020" actId="207"/>
            <ac:spMkLst>
              <pc:docMk/>
              <pc:sldMasterMk cId="2243831206" sldId="2147483767"/>
              <pc:sldLayoutMk cId="2098187026" sldId="2147483770"/>
              <ac:spMk id="7" creationId="{2CB31F07-7988-4E6E-9EB1-1E331F9F3747}"/>
            </ac:spMkLst>
          </pc:spChg>
          <pc:spChg chg="mod">
            <ac:chgData name="Jonas Bratseth" userId="7880613d-1198-4bca-afa6-2725a9958330" providerId="ADAL" clId="{95DE8DB2-18F4-433B-B35C-C72863037E4B}" dt="2021-04-27T05:47:54.416" v="1229" actId="790"/>
            <ac:spMkLst>
              <pc:docMk/>
              <pc:sldMasterMk cId="2243831206" sldId="2147483767"/>
              <pc:sldLayoutMk cId="2098187026" sldId="2147483770"/>
              <ac:spMk id="9" creationId="{6BA452CE-6521-4710-BBBF-4AE21A3DDEF5}"/>
            </ac:spMkLst>
          </pc:spChg>
          <pc:spChg chg="mod">
            <ac:chgData name="Jonas Bratseth" userId="7880613d-1198-4bca-afa6-2725a9958330" providerId="ADAL" clId="{95DE8DB2-18F4-433B-B35C-C72863037E4B}" dt="2021-04-27T05:47:54.414" v="1225" actId="790"/>
            <ac:spMkLst>
              <pc:docMk/>
              <pc:sldMasterMk cId="2243831206" sldId="2147483767"/>
              <pc:sldLayoutMk cId="2098187026" sldId="2147483770"/>
              <ac:spMk id="21" creationId="{97978271-5187-4431-9708-C927DF0F7F6D}"/>
            </ac:spMkLst>
          </pc:spChg>
          <pc:spChg chg="mod">
            <ac:chgData name="Jonas Bratseth" userId="7880613d-1198-4bca-afa6-2725a9958330" providerId="ADAL" clId="{95DE8DB2-18F4-433B-B35C-C72863037E4B}" dt="2021-04-27T05:47:54.416" v="1228" actId="790"/>
            <ac:spMkLst>
              <pc:docMk/>
              <pc:sldMasterMk cId="2243831206" sldId="2147483767"/>
              <pc:sldLayoutMk cId="2098187026" sldId="2147483770"/>
              <ac:spMk id="22" creationId="{45768DF2-6EBF-48BC-A321-F4FD52853E7F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1:33.700" v="2122"/>
          <pc:sldLayoutMkLst>
            <pc:docMk/>
            <pc:sldMasterMk cId="2243831206" sldId="2147483767"/>
            <pc:sldLayoutMk cId="3224551424" sldId="2147483771"/>
          </pc:sldLayoutMkLst>
          <pc:spChg chg="mod">
            <ac:chgData name="Jonas Bratseth" userId="7880613d-1198-4bca-afa6-2725a9958330" providerId="ADAL" clId="{95DE8DB2-18F4-433B-B35C-C72863037E4B}" dt="2021-04-27T05:47:54.416" v="1230" actId="790"/>
            <ac:spMkLst>
              <pc:docMk/>
              <pc:sldMasterMk cId="2243831206" sldId="2147483767"/>
              <pc:sldLayoutMk cId="3224551424" sldId="2147483771"/>
              <ac:spMk id="5" creationId="{8EDAF1BB-D4DD-4390-8C59-BBD2D2C67E20}"/>
            </ac:spMkLst>
          </pc:spChg>
          <pc:spChg chg="mod">
            <ac:chgData name="Jonas Bratseth" userId="7880613d-1198-4bca-afa6-2725a9958330" providerId="ADAL" clId="{95DE8DB2-18F4-433B-B35C-C72863037E4B}" dt="2021-04-27T05:58:58.032" v="2033" actId="20577"/>
            <ac:spMkLst>
              <pc:docMk/>
              <pc:sldMasterMk cId="2243831206" sldId="2147483767"/>
              <pc:sldLayoutMk cId="3224551424" sldId="2147483771"/>
              <ac:spMk id="6" creationId="{9411C7D4-48C4-4B82-9272-C825344475C8}"/>
            </ac:spMkLst>
          </pc:spChg>
          <pc:spChg chg="mod">
            <ac:chgData name="Jonas Bratseth" userId="7880613d-1198-4bca-afa6-2725a9958330" providerId="ADAL" clId="{95DE8DB2-18F4-433B-B35C-C72863037E4B}" dt="2021-04-27T05:47:54.416" v="1231" actId="790"/>
            <ac:spMkLst>
              <pc:docMk/>
              <pc:sldMasterMk cId="2243831206" sldId="2147483767"/>
              <pc:sldLayoutMk cId="3224551424" sldId="2147483771"/>
              <ac:spMk id="8" creationId="{83E9D99F-0012-4E73-A817-39C3B2316B8A}"/>
            </ac:spMkLst>
          </pc:spChg>
          <pc:spChg chg="mod">
            <ac:chgData name="Jonas Bratseth" userId="7880613d-1198-4bca-afa6-2725a9958330" providerId="ADAL" clId="{95DE8DB2-18F4-433B-B35C-C72863037E4B}" dt="2021-04-27T05:47:54.416" v="1232" actId="790"/>
            <ac:spMkLst>
              <pc:docMk/>
              <pc:sldMasterMk cId="2243831206" sldId="2147483767"/>
              <pc:sldLayoutMk cId="3224551424" sldId="2147483771"/>
              <ac:spMk id="10" creationId="{A0E397CE-3BE9-4B6D-A6CA-DA7C6931A237}"/>
            </ac:spMkLst>
          </pc:spChg>
          <pc:spChg chg="mod">
            <ac:chgData name="Jonas Bratseth" userId="7880613d-1198-4bca-afa6-2725a9958330" providerId="ADAL" clId="{95DE8DB2-18F4-433B-B35C-C72863037E4B}" dt="2021-04-27T06:01:33.700" v="2122"/>
            <ac:spMkLst>
              <pc:docMk/>
              <pc:sldMasterMk cId="2243831206" sldId="2147483767"/>
              <pc:sldLayoutMk cId="3224551424" sldId="2147483771"/>
              <ac:spMk id="11" creationId="{C48FCAF9-0444-4E65-BC4B-318753FE8C19}"/>
            </ac:spMkLst>
          </pc:spChg>
          <pc:spChg chg="mod">
            <ac:chgData name="Jonas Bratseth" userId="7880613d-1198-4bca-afa6-2725a9958330" providerId="ADAL" clId="{95DE8DB2-18F4-433B-B35C-C72863037E4B}" dt="2021-04-27T05:47:54.416" v="1234" actId="790"/>
            <ac:spMkLst>
              <pc:docMk/>
              <pc:sldMasterMk cId="2243831206" sldId="2147483767"/>
              <pc:sldLayoutMk cId="3224551424" sldId="2147483771"/>
              <ac:spMk id="12" creationId="{2228278C-DF93-4814-8B34-D031DEE1A18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6:34.064" v="2266"/>
          <pc:sldLayoutMkLst>
            <pc:docMk/>
            <pc:sldMasterMk cId="2243831206" sldId="2147483767"/>
            <pc:sldLayoutMk cId="2017783747" sldId="2147483772"/>
          </pc:sldLayoutMkLst>
          <pc:spChg chg="mod">
            <ac:chgData name="Jonas Bratseth" userId="7880613d-1198-4bca-afa6-2725a9958330" providerId="ADAL" clId="{95DE8DB2-18F4-433B-B35C-C72863037E4B}" dt="2021-04-27T05:55:37.368" v="1896"/>
            <ac:spMkLst>
              <pc:docMk/>
              <pc:sldMasterMk cId="2243831206" sldId="2147483767"/>
              <pc:sldLayoutMk cId="2017783747" sldId="2147483772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6:34.064" v="2266"/>
            <ac:spMkLst>
              <pc:docMk/>
              <pc:sldMasterMk cId="2243831206" sldId="2147483767"/>
              <pc:sldLayoutMk cId="2017783747" sldId="2147483772"/>
              <ac:spMk id="7" creationId="{8F04DE89-81A4-4BB5-B6A8-37F48E1E59EE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6:36.682" v="2267"/>
          <pc:sldLayoutMkLst>
            <pc:docMk/>
            <pc:sldMasterMk cId="2243831206" sldId="2147483767"/>
            <pc:sldLayoutMk cId="545532331" sldId="2147483773"/>
          </pc:sldLayoutMkLst>
          <pc:spChg chg="mod">
            <ac:chgData name="Jonas Bratseth" userId="7880613d-1198-4bca-afa6-2725a9958330" providerId="ADAL" clId="{95DE8DB2-18F4-433B-B35C-C72863037E4B}" dt="2021-04-27T05:55:38.686" v="1897"/>
            <ac:spMkLst>
              <pc:docMk/>
              <pc:sldMasterMk cId="2243831206" sldId="2147483767"/>
              <pc:sldLayoutMk cId="545532331" sldId="214748377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6:36.682" v="2267"/>
            <ac:spMkLst>
              <pc:docMk/>
              <pc:sldMasterMk cId="2243831206" sldId="2147483767"/>
              <pc:sldLayoutMk cId="545532331" sldId="2147483773"/>
              <ac:spMk id="3" creationId="{0D93E16A-6125-4B01-9B97-3CA53DFF61AB}"/>
            </ac:spMkLst>
          </pc:spChg>
          <pc:spChg chg="mod">
            <ac:chgData name="Jonas Bratseth" userId="7880613d-1198-4bca-afa6-2725a9958330" providerId="ADAL" clId="{95DE8DB2-18F4-433B-B35C-C72863037E4B}" dt="2021-04-27T05:59:03.079" v="2034"/>
            <ac:spMkLst>
              <pc:docMk/>
              <pc:sldMasterMk cId="2243831206" sldId="2147483767"/>
              <pc:sldLayoutMk cId="545532331" sldId="2147483773"/>
              <ac:spMk id="9" creationId="{61F1D6E9-D703-4F0F-B724-E992F395E6EB}"/>
            </ac:spMkLst>
          </pc:spChg>
          <pc:spChg chg="mod">
            <ac:chgData name="Jonas Bratseth" userId="7880613d-1198-4bca-afa6-2725a9958330" providerId="ADAL" clId="{95DE8DB2-18F4-433B-B35C-C72863037E4B}" dt="2021-04-27T05:47:54.434" v="1240" actId="790"/>
            <ac:spMkLst>
              <pc:docMk/>
              <pc:sldMasterMk cId="2243831206" sldId="2147483767"/>
              <pc:sldLayoutMk cId="545532331" sldId="2147483773"/>
              <ac:spMk id="11" creationId="{5C7DF1C5-A62B-48F2-8482-9AFA5987E96B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39.958" v="1898"/>
          <pc:sldLayoutMkLst>
            <pc:docMk/>
            <pc:sldMasterMk cId="2243831206" sldId="2147483767"/>
            <pc:sldLayoutMk cId="1384918506" sldId="2147483774"/>
          </pc:sldLayoutMkLst>
          <pc:spChg chg="mod">
            <ac:chgData name="Jonas Bratseth" userId="7880613d-1198-4bca-afa6-2725a9958330" providerId="ADAL" clId="{95DE8DB2-18F4-433B-B35C-C72863037E4B}" dt="2021-04-27T05:55:39.958" v="1898"/>
            <ac:spMkLst>
              <pc:docMk/>
              <pc:sldMasterMk cId="2243831206" sldId="2147483767"/>
              <pc:sldLayoutMk cId="1384918506" sldId="2147483774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436" v="1244" actId="790"/>
            <ac:spMkLst>
              <pc:docMk/>
              <pc:sldMasterMk cId="2243831206" sldId="2147483767"/>
              <pc:sldLayoutMk cId="1384918506" sldId="2147483774"/>
              <ac:spMk id="8" creationId="{55B705F1-BD8F-4927-980D-9E3C23775A55}"/>
            </ac:spMkLst>
          </pc:spChg>
          <pc:spChg chg="mod">
            <ac:chgData name="Jonas Bratseth" userId="7880613d-1198-4bca-afa6-2725a9958330" providerId="ADAL" clId="{95DE8DB2-18F4-433B-B35C-C72863037E4B}" dt="2021-04-27T05:47:54.436" v="1242" actId="790"/>
            <ac:spMkLst>
              <pc:docMk/>
              <pc:sldMasterMk cId="2243831206" sldId="2147483767"/>
              <pc:sldLayoutMk cId="1384918506" sldId="2147483774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436" v="1243" actId="790"/>
            <ac:spMkLst>
              <pc:docMk/>
              <pc:sldMasterMk cId="2243831206" sldId="2147483767"/>
              <pc:sldLayoutMk cId="1384918506" sldId="2147483774"/>
              <ac:spMk id="11" creationId="{929123D7-9B88-424A-A714-A5F0D0690309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03.393" v="2178"/>
          <pc:sldLayoutMkLst>
            <pc:docMk/>
            <pc:sldMasterMk cId="2243831206" sldId="2147483767"/>
            <pc:sldLayoutMk cId="295710683" sldId="2147483775"/>
          </pc:sldLayoutMkLst>
          <pc:spChg chg="mod">
            <ac:chgData name="Jonas Bratseth" userId="7880613d-1198-4bca-afa6-2725a9958330" providerId="ADAL" clId="{95DE8DB2-18F4-433B-B35C-C72863037E4B}" dt="2021-04-27T05:55:41.164" v="1899"/>
            <ac:spMkLst>
              <pc:docMk/>
              <pc:sldMasterMk cId="2243831206" sldId="2147483767"/>
              <pc:sldLayoutMk cId="295710683" sldId="2147483775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02.945" v="2177"/>
            <ac:spMkLst>
              <pc:docMk/>
              <pc:sldMasterMk cId="2243831206" sldId="2147483767"/>
              <pc:sldLayoutMk cId="295710683" sldId="2147483775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444" v="1247" actId="790"/>
            <ac:spMkLst>
              <pc:docMk/>
              <pc:sldMasterMk cId="2243831206" sldId="2147483767"/>
              <pc:sldLayoutMk cId="295710683" sldId="2147483775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436" v="1246" actId="790"/>
            <ac:spMkLst>
              <pc:docMk/>
              <pc:sldMasterMk cId="2243831206" sldId="2147483767"/>
              <pc:sldLayoutMk cId="295710683" sldId="2147483775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5:47:54.446" v="1250" actId="790"/>
            <ac:spMkLst>
              <pc:docMk/>
              <pc:sldMasterMk cId="2243831206" sldId="2147483767"/>
              <pc:sldLayoutMk cId="295710683" sldId="2147483775"/>
              <ac:spMk id="11" creationId="{0E0D9193-69AD-43FB-9918-A2B29145892B}"/>
            </ac:spMkLst>
          </pc:spChg>
          <pc:spChg chg="mod">
            <ac:chgData name="Jonas Bratseth" userId="7880613d-1198-4bca-afa6-2725a9958330" providerId="ADAL" clId="{95DE8DB2-18F4-433B-B35C-C72863037E4B}" dt="2021-04-27T06:04:03.393" v="2178"/>
            <ac:spMkLst>
              <pc:docMk/>
              <pc:sldMasterMk cId="2243831206" sldId="2147483767"/>
              <pc:sldLayoutMk cId="295710683" sldId="2147483775"/>
              <ac:spMk id="13" creationId="{7C40E28E-F22B-4290-AC19-015D2EF8E6B5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05.696" v="2181"/>
          <pc:sldLayoutMkLst>
            <pc:docMk/>
            <pc:sldMasterMk cId="2243831206" sldId="2147483767"/>
            <pc:sldLayoutMk cId="2436821319" sldId="2147483776"/>
          </pc:sldLayoutMkLst>
          <pc:spChg chg="mod">
            <ac:chgData name="Jonas Bratseth" userId="7880613d-1198-4bca-afa6-2725a9958330" providerId="ADAL" clId="{95DE8DB2-18F4-433B-B35C-C72863037E4B}" dt="2021-04-27T05:55:42.331" v="1900"/>
            <ac:spMkLst>
              <pc:docMk/>
              <pc:sldMasterMk cId="2243831206" sldId="2147483767"/>
              <pc:sldLayoutMk cId="2436821319" sldId="2147483776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04.646" v="2179"/>
            <ac:spMkLst>
              <pc:docMk/>
              <pc:sldMasterMk cId="2243831206" sldId="2147483767"/>
              <pc:sldLayoutMk cId="2436821319" sldId="2147483776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446" v="1254" actId="790"/>
            <ac:spMkLst>
              <pc:docMk/>
              <pc:sldMasterMk cId="2243831206" sldId="2147483767"/>
              <pc:sldLayoutMk cId="2436821319" sldId="2147483776"/>
              <ac:spMk id="7" creationId="{32B8C940-39F3-450D-A5E9-074D998391CE}"/>
            </ac:spMkLst>
          </pc:spChg>
          <pc:spChg chg="mod">
            <ac:chgData name="Jonas Bratseth" userId="7880613d-1198-4bca-afa6-2725a9958330" providerId="ADAL" clId="{95DE8DB2-18F4-433B-B35C-C72863037E4B}" dt="2021-04-27T05:47:54.446" v="1252" actId="790"/>
            <ac:spMkLst>
              <pc:docMk/>
              <pc:sldMasterMk cId="2243831206" sldId="2147483767"/>
              <pc:sldLayoutMk cId="2436821319" sldId="2147483776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6:04:05.083" v="2180"/>
            <ac:spMkLst>
              <pc:docMk/>
              <pc:sldMasterMk cId="2243831206" sldId="2147483767"/>
              <pc:sldLayoutMk cId="2436821319" sldId="2147483776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446" v="1253" actId="790"/>
            <ac:spMkLst>
              <pc:docMk/>
              <pc:sldMasterMk cId="2243831206" sldId="2147483767"/>
              <pc:sldLayoutMk cId="2436821319" sldId="2147483776"/>
              <ac:spMk id="11" creationId="{929123D7-9B88-424A-A714-A5F0D0690309}"/>
            </ac:spMkLst>
          </pc:spChg>
          <pc:spChg chg="mod">
            <ac:chgData name="Jonas Bratseth" userId="7880613d-1198-4bca-afa6-2725a9958330" providerId="ADAL" clId="{95DE8DB2-18F4-433B-B35C-C72863037E4B}" dt="2021-04-27T06:04:05.696" v="2181"/>
            <ac:spMkLst>
              <pc:docMk/>
              <pc:sldMasterMk cId="2243831206" sldId="2147483767"/>
              <pc:sldLayoutMk cId="2436821319" sldId="2147483776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454" v="1258" actId="790"/>
            <ac:spMkLst>
              <pc:docMk/>
              <pc:sldMasterMk cId="2243831206" sldId="2147483767"/>
              <pc:sldLayoutMk cId="2436821319" sldId="2147483776"/>
              <ac:spMk id="15" creationId="{C4B1CCD6-DE24-4885-B377-F22C82601BEA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09.069" v="2185"/>
          <pc:sldLayoutMkLst>
            <pc:docMk/>
            <pc:sldMasterMk cId="2243831206" sldId="2147483767"/>
            <pc:sldLayoutMk cId="1299304862" sldId="2147483777"/>
          </pc:sldLayoutMkLst>
          <pc:spChg chg="mod">
            <ac:chgData name="Jonas Bratseth" userId="7880613d-1198-4bca-afa6-2725a9958330" providerId="ADAL" clId="{95DE8DB2-18F4-433B-B35C-C72863037E4B}" dt="2021-04-27T05:55:43.433" v="1901"/>
            <ac:spMkLst>
              <pc:docMk/>
              <pc:sldMasterMk cId="2243831206" sldId="2147483767"/>
              <pc:sldLayoutMk cId="1299304862" sldId="2147483777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07.130" v="2182"/>
            <ac:spMkLst>
              <pc:docMk/>
              <pc:sldMasterMk cId="2243831206" sldId="2147483767"/>
              <pc:sldLayoutMk cId="1299304862" sldId="2147483777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456" v="1260" actId="790"/>
            <ac:spMkLst>
              <pc:docMk/>
              <pc:sldMasterMk cId="2243831206" sldId="2147483767"/>
              <pc:sldLayoutMk cId="1299304862" sldId="2147483777"/>
              <ac:spMk id="9" creationId="{811D9235-DDE9-4289-8F46-F0D05758E858}"/>
            </ac:spMkLst>
          </pc:spChg>
          <pc:spChg chg="mod">
            <ac:chgData name="Jonas Bratseth" userId="7880613d-1198-4bca-afa6-2725a9958330" providerId="ADAL" clId="{95DE8DB2-18F4-433B-B35C-C72863037E4B}" dt="2021-04-27T06:04:07.579" v="2183"/>
            <ac:spMkLst>
              <pc:docMk/>
              <pc:sldMasterMk cId="2243831206" sldId="2147483767"/>
              <pc:sldLayoutMk cId="1299304862" sldId="2147483777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456" v="1265" actId="790"/>
            <ac:spMkLst>
              <pc:docMk/>
              <pc:sldMasterMk cId="2243831206" sldId="2147483767"/>
              <pc:sldLayoutMk cId="1299304862" sldId="2147483777"/>
              <ac:spMk id="12" creationId="{1353C839-9966-4A19-AE29-71299F46D598}"/>
            </ac:spMkLst>
          </pc:spChg>
          <pc:spChg chg="mod">
            <ac:chgData name="Jonas Bratseth" userId="7880613d-1198-4bca-afa6-2725a9958330" providerId="ADAL" clId="{95DE8DB2-18F4-433B-B35C-C72863037E4B}" dt="2021-04-27T06:04:08.656" v="2184"/>
            <ac:spMkLst>
              <pc:docMk/>
              <pc:sldMasterMk cId="2243831206" sldId="2147483767"/>
              <pc:sldLayoutMk cId="1299304862" sldId="2147483777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464" v="1266" actId="790"/>
            <ac:spMkLst>
              <pc:docMk/>
              <pc:sldMasterMk cId="2243831206" sldId="2147483767"/>
              <pc:sldLayoutMk cId="1299304862" sldId="2147483777"/>
              <ac:spMk id="14" creationId="{0E603540-E738-4A65-864E-9CE8F767BD6D}"/>
            </ac:spMkLst>
          </pc:spChg>
          <pc:spChg chg="mod">
            <ac:chgData name="Jonas Bratseth" userId="7880613d-1198-4bca-afa6-2725a9958330" providerId="ADAL" clId="{95DE8DB2-18F4-433B-B35C-C72863037E4B}" dt="2021-04-27T06:04:09.069" v="2185"/>
            <ac:spMkLst>
              <pc:docMk/>
              <pc:sldMasterMk cId="2243831206" sldId="2147483767"/>
              <pc:sldLayoutMk cId="1299304862" sldId="2147483777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466" v="1267" actId="790"/>
            <ac:spMkLst>
              <pc:docMk/>
              <pc:sldMasterMk cId="2243831206" sldId="2147483767"/>
              <pc:sldLayoutMk cId="1299304862" sldId="2147483777"/>
              <ac:spMk id="17" creationId="{0B600F13-F9ED-4493-AEA6-C2211E17F328}"/>
            </ac:spMkLst>
          </pc:spChg>
          <pc:spChg chg="mod">
            <ac:chgData name="Jonas Bratseth" userId="7880613d-1198-4bca-afa6-2725a9958330" providerId="ADAL" clId="{95DE8DB2-18F4-433B-B35C-C72863037E4B}" dt="2021-04-27T05:47:54.466" v="1268" actId="790"/>
            <ac:spMkLst>
              <pc:docMk/>
              <pc:sldMasterMk cId="2243831206" sldId="2147483767"/>
              <pc:sldLayoutMk cId="1299304862" sldId="2147483777"/>
              <ac:spMk id="19" creationId="{BC6E86D0-4AE7-46BC-A435-E79A60A5FA38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44.582" v="1902"/>
          <pc:sldLayoutMkLst>
            <pc:docMk/>
            <pc:sldMasterMk cId="2243831206" sldId="2147483767"/>
            <pc:sldLayoutMk cId="3218888475" sldId="2147483778"/>
          </pc:sldLayoutMkLst>
          <pc:spChg chg="mod">
            <ac:chgData name="Jonas Bratseth" userId="7880613d-1198-4bca-afa6-2725a9958330" providerId="ADAL" clId="{95DE8DB2-18F4-433B-B35C-C72863037E4B}" dt="2021-04-27T05:55:44.582" v="1902"/>
            <ac:spMkLst>
              <pc:docMk/>
              <pc:sldMasterMk cId="2243831206" sldId="2147483767"/>
              <pc:sldLayoutMk cId="3218888475" sldId="2147483778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466" v="1270" actId="790"/>
            <ac:spMkLst>
              <pc:docMk/>
              <pc:sldMasterMk cId="2243831206" sldId="2147483767"/>
              <pc:sldLayoutMk cId="3218888475" sldId="2147483778"/>
              <ac:spMk id="6" creationId="{39C633A9-1FFF-4537-8715-2AC956C6BE80}"/>
            </ac:spMkLst>
          </pc:spChg>
          <pc:spChg chg="mod">
            <ac:chgData name="Jonas Bratseth" userId="7880613d-1198-4bca-afa6-2725a9958330" providerId="ADAL" clId="{95DE8DB2-18F4-433B-B35C-C72863037E4B}" dt="2021-04-27T05:47:54.466" v="1271" actId="790"/>
            <ac:spMkLst>
              <pc:docMk/>
              <pc:sldMasterMk cId="2243831206" sldId="2147483767"/>
              <pc:sldLayoutMk cId="3218888475" sldId="2147483778"/>
              <ac:spMk id="10" creationId="{BB489D15-1D3B-475B-804D-55D1F4B566B7}"/>
            </ac:spMkLst>
          </pc:spChg>
          <pc:spChg chg="mod">
            <ac:chgData name="Jonas Bratseth" userId="7880613d-1198-4bca-afa6-2725a9958330" providerId="ADAL" clId="{95DE8DB2-18F4-433B-B35C-C72863037E4B}" dt="2021-04-27T05:47:54.466" v="1272" actId="790"/>
            <ac:spMkLst>
              <pc:docMk/>
              <pc:sldMasterMk cId="2243831206" sldId="2147483767"/>
              <pc:sldLayoutMk cId="3218888475" sldId="2147483778"/>
              <ac:spMk id="13" creationId="{7C40E28E-F22B-4290-AC19-015D2EF8E6B5}"/>
            </ac:spMkLst>
          </pc:spChg>
          <pc:spChg chg="mod">
            <ac:chgData name="Jonas Bratseth" userId="7880613d-1198-4bca-afa6-2725a9958330" providerId="ADAL" clId="{95DE8DB2-18F4-433B-B35C-C72863037E4B}" dt="2021-04-27T05:47:54.466" v="1274" actId="790"/>
            <ac:spMkLst>
              <pc:docMk/>
              <pc:sldMasterMk cId="2243831206" sldId="2147483767"/>
              <pc:sldLayoutMk cId="3218888475" sldId="2147483778"/>
              <ac:spMk id="14" creationId="{07F6985F-0D21-4B64-A375-95792C7EBAE9}"/>
            </ac:spMkLst>
          </pc:spChg>
          <pc:spChg chg="mod">
            <ac:chgData name="Jonas Bratseth" userId="7880613d-1198-4bca-afa6-2725a9958330" providerId="ADAL" clId="{95DE8DB2-18F4-433B-B35C-C72863037E4B}" dt="2021-04-27T05:47:54.466" v="1273" actId="790"/>
            <ac:spMkLst>
              <pc:docMk/>
              <pc:sldMasterMk cId="2243831206" sldId="2147483767"/>
              <pc:sldLayoutMk cId="3218888475" sldId="2147483778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466" v="1275" actId="790"/>
            <ac:spMkLst>
              <pc:docMk/>
              <pc:sldMasterMk cId="2243831206" sldId="2147483767"/>
              <pc:sldLayoutMk cId="3218888475" sldId="2147483778"/>
              <ac:spMk id="17" creationId="{81F4C872-ADC6-4CB7-A95B-67721B28B3BA}"/>
            </ac:spMkLst>
          </pc:spChg>
          <pc:spChg chg="mod">
            <ac:chgData name="Jonas Bratseth" userId="7880613d-1198-4bca-afa6-2725a9958330" providerId="ADAL" clId="{95DE8DB2-18F4-433B-B35C-C72863037E4B}" dt="2021-04-27T05:47:54.474" v="1276" actId="790"/>
            <ac:spMkLst>
              <pc:docMk/>
              <pc:sldMasterMk cId="2243831206" sldId="2147483767"/>
              <pc:sldLayoutMk cId="3218888475" sldId="2147483778"/>
              <ac:spMk id="18" creationId="{6C46C9DB-FDA2-4D7F-AE1E-DCF46A0EC357}"/>
            </ac:spMkLst>
          </pc:spChg>
          <pc:spChg chg="mod">
            <ac:chgData name="Jonas Bratseth" userId="7880613d-1198-4bca-afa6-2725a9958330" providerId="ADAL" clId="{95DE8DB2-18F4-433B-B35C-C72863037E4B}" dt="2021-04-27T05:47:54.476" v="1277" actId="790"/>
            <ac:spMkLst>
              <pc:docMk/>
              <pc:sldMasterMk cId="2243831206" sldId="2147483767"/>
              <pc:sldLayoutMk cId="3218888475" sldId="2147483778"/>
              <ac:spMk id="19" creationId="{90A9BB8B-DC94-4781-BC39-9CF0E2C0ED17}"/>
            </ac:spMkLst>
          </pc:spChg>
          <pc:spChg chg="mod">
            <ac:chgData name="Jonas Bratseth" userId="7880613d-1198-4bca-afa6-2725a9958330" providerId="ADAL" clId="{95DE8DB2-18F4-433B-B35C-C72863037E4B}" dt="2021-04-27T05:47:54.476" v="1278" actId="790"/>
            <ac:spMkLst>
              <pc:docMk/>
              <pc:sldMasterMk cId="2243831206" sldId="2147483767"/>
              <pc:sldLayoutMk cId="3218888475" sldId="2147483778"/>
              <ac:spMk id="20" creationId="{89A977F4-3F57-4229-A296-E33CE6E0E74B}"/>
            </ac:spMkLst>
          </pc:spChg>
          <pc:spChg chg="mod">
            <ac:chgData name="Jonas Bratseth" userId="7880613d-1198-4bca-afa6-2725a9958330" providerId="ADAL" clId="{95DE8DB2-18F4-433B-B35C-C72863037E4B}" dt="2021-04-27T05:47:54.476" v="1279" actId="790"/>
            <ac:spMkLst>
              <pc:docMk/>
              <pc:sldMasterMk cId="2243831206" sldId="2147483767"/>
              <pc:sldLayoutMk cId="3218888475" sldId="2147483778"/>
              <ac:spMk id="21" creationId="{0A1BAC33-EE11-4422-B2BC-1EA0C02293FB}"/>
            </ac:spMkLst>
          </pc:spChg>
          <pc:spChg chg="mod">
            <ac:chgData name="Jonas Bratseth" userId="7880613d-1198-4bca-afa6-2725a9958330" providerId="ADAL" clId="{95DE8DB2-18F4-433B-B35C-C72863037E4B}" dt="2021-04-27T05:47:54.476" v="1280" actId="790"/>
            <ac:spMkLst>
              <pc:docMk/>
              <pc:sldMasterMk cId="2243831206" sldId="2147483767"/>
              <pc:sldLayoutMk cId="3218888475" sldId="2147483778"/>
              <ac:spMk id="22" creationId="{2B10A327-405D-42CA-9F67-2AF8ABA2131E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45.871" v="1903"/>
          <pc:sldLayoutMkLst>
            <pc:docMk/>
            <pc:sldMasterMk cId="2243831206" sldId="2147483767"/>
            <pc:sldLayoutMk cId="618209023" sldId="2147483779"/>
          </pc:sldLayoutMkLst>
          <pc:spChg chg="mod">
            <ac:chgData name="Jonas Bratseth" userId="7880613d-1198-4bca-afa6-2725a9958330" providerId="ADAL" clId="{95DE8DB2-18F4-433B-B35C-C72863037E4B}" dt="2021-04-27T05:55:45.871" v="1903"/>
            <ac:spMkLst>
              <pc:docMk/>
              <pc:sldMasterMk cId="2243831206" sldId="2147483767"/>
              <pc:sldLayoutMk cId="618209023" sldId="2147483779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484" v="1282" actId="790"/>
            <ac:spMkLst>
              <pc:docMk/>
              <pc:sldMasterMk cId="2243831206" sldId="2147483767"/>
              <pc:sldLayoutMk cId="618209023" sldId="2147483779"/>
              <ac:spMk id="8" creationId="{F6747267-EFBF-44BB-9183-953BF10B458F}"/>
            </ac:spMkLst>
          </pc:spChg>
          <pc:spChg chg="mod">
            <ac:chgData name="Jonas Bratseth" userId="7880613d-1198-4bca-afa6-2725a9958330" providerId="ADAL" clId="{95DE8DB2-18F4-433B-B35C-C72863037E4B}" dt="2021-04-27T05:47:54.486" v="1283" actId="790"/>
            <ac:spMkLst>
              <pc:docMk/>
              <pc:sldMasterMk cId="2243831206" sldId="2147483767"/>
              <pc:sldLayoutMk cId="618209023" sldId="2147483779"/>
              <ac:spMk id="10" creationId="{FE31E4EF-E536-4BF9-9022-3B7F2DAC9C06}"/>
            </ac:spMkLst>
          </pc:spChg>
          <pc:spChg chg="mod">
            <ac:chgData name="Jonas Bratseth" userId="7880613d-1198-4bca-afa6-2725a9958330" providerId="ADAL" clId="{95DE8DB2-18F4-433B-B35C-C72863037E4B}" dt="2021-04-27T05:47:54.486" v="1284" actId="790"/>
            <ac:spMkLst>
              <pc:docMk/>
              <pc:sldMasterMk cId="2243831206" sldId="2147483767"/>
              <pc:sldLayoutMk cId="618209023" sldId="2147483779"/>
              <ac:spMk id="11" creationId="{23BE2648-25FC-495F-B368-4BD2F773FC40}"/>
            </ac:spMkLst>
          </pc:spChg>
          <pc:spChg chg="mod">
            <ac:chgData name="Jonas Bratseth" userId="7880613d-1198-4bca-afa6-2725a9958330" providerId="ADAL" clId="{95DE8DB2-18F4-433B-B35C-C72863037E4B}" dt="2021-04-27T05:47:54.486" v="1285" actId="790"/>
            <ac:spMkLst>
              <pc:docMk/>
              <pc:sldMasterMk cId="2243831206" sldId="2147483767"/>
              <pc:sldLayoutMk cId="618209023" sldId="2147483779"/>
              <ac:spMk id="12" creationId="{EE9E63F2-0D8E-4E93-9804-11C06A125F46}"/>
            </ac:spMkLst>
          </pc:spChg>
          <pc:spChg chg="mod">
            <ac:chgData name="Jonas Bratseth" userId="7880613d-1198-4bca-afa6-2725a9958330" providerId="ADAL" clId="{95DE8DB2-18F4-433B-B35C-C72863037E4B}" dt="2021-04-27T05:47:54.486" v="1286" actId="790"/>
            <ac:spMkLst>
              <pc:docMk/>
              <pc:sldMasterMk cId="2243831206" sldId="2147483767"/>
              <pc:sldLayoutMk cId="618209023" sldId="2147483779"/>
              <ac:spMk id="14" creationId="{1E09ED89-26A1-4FE1-A40F-EB42F632CDBD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13.688" v="2189"/>
          <pc:sldLayoutMkLst>
            <pc:docMk/>
            <pc:sldMasterMk cId="2243831206" sldId="2147483767"/>
            <pc:sldLayoutMk cId="16410499" sldId="2147483780"/>
          </pc:sldLayoutMkLst>
          <pc:spChg chg="mod">
            <ac:chgData name="Jonas Bratseth" userId="7880613d-1198-4bca-afa6-2725a9958330" providerId="ADAL" clId="{95DE8DB2-18F4-433B-B35C-C72863037E4B}" dt="2021-04-27T05:55:47.136" v="1904"/>
            <ac:spMkLst>
              <pc:docMk/>
              <pc:sldMasterMk cId="2243831206" sldId="2147483767"/>
              <pc:sldLayoutMk cId="16410499" sldId="2147483780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6:04:11.986" v="2186"/>
            <ac:spMkLst>
              <pc:docMk/>
              <pc:sldMasterMk cId="2243831206" sldId="2147483767"/>
              <pc:sldLayoutMk cId="16410499" sldId="2147483780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5:47:54.486" v="1289" actId="790"/>
            <ac:spMkLst>
              <pc:docMk/>
              <pc:sldMasterMk cId="2243831206" sldId="2147483767"/>
              <pc:sldLayoutMk cId="16410499" sldId="2147483780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6:04:12.468" v="2187"/>
            <ac:spMkLst>
              <pc:docMk/>
              <pc:sldMasterMk cId="2243831206" sldId="2147483767"/>
              <pc:sldLayoutMk cId="16410499" sldId="2147483780"/>
              <ac:spMk id="20" creationId="{CE0B8209-0B57-480E-BC05-65AB6422230C}"/>
            </ac:spMkLst>
          </pc:spChg>
          <pc:spChg chg="mod">
            <ac:chgData name="Jonas Bratseth" userId="7880613d-1198-4bca-afa6-2725a9958330" providerId="ADAL" clId="{95DE8DB2-18F4-433B-B35C-C72863037E4B}" dt="2021-04-27T05:47:54.494" v="1291" actId="790"/>
            <ac:spMkLst>
              <pc:docMk/>
              <pc:sldMasterMk cId="2243831206" sldId="2147483767"/>
              <pc:sldLayoutMk cId="16410499" sldId="2147483780"/>
              <ac:spMk id="21" creationId="{D82263EF-894B-494B-8677-D0C16378F258}"/>
            </ac:spMkLst>
          </pc:spChg>
          <pc:spChg chg="mod">
            <ac:chgData name="Jonas Bratseth" userId="7880613d-1198-4bca-afa6-2725a9958330" providerId="ADAL" clId="{95DE8DB2-18F4-433B-B35C-C72863037E4B}" dt="2021-04-27T05:47:54.496" v="1296" actId="790"/>
            <ac:spMkLst>
              <pc:docMk/>
              <pc:sldMasterMk cId="2243831206" sldId="2147483767"/>
              <pc:sldLayoutMk cId="16410499" sldId="2147483780"/>
              <ac:spMk id="22" creationId="{15589A20-B34D-47F9-883F-6C734E90FE4E}"/>
            </ac:spMkLst>
          </pc:spChg>
          <pc:spChg chg="mod">
            <ac:chgData name="Jonas Bratseth" userId="7880613d-1198-4bca-afa6-2725a9958330" providerId="ADAL" clId="{95DE8DB2-18F4-433B-B35C-C72863037E4B}" dt="2021-04-27T06:04:13.100" v="2188"/>
            <ac:spMkLst>
              <pc:docMk/>
              <pc:sldMasterMk cId="2243831206" sldId="2147483767"/>
              <pc:sldLayoutMk cId="16410499" sldId="2147483780"/>
              <ac:spMk id="23" creationId="{2E022E5D-734A-4E35-AC58-D0A331D35696}"/>
            </ac:spMkLst>
          </pc:spChg>
          <pc:spChg chg="mod">
            <ac:chgData name="Jonas Bratseth" userId="7880613d-1198-4bca-afa6-2725a9958330" providerId="ADAL" clId="{95DE8DB2-18F4-433B-B35C-C72863037E4B}" dt="2021-04-27T05:47:54.496" v="1293" actId="790"/>
            <ac:spMkLst>
              <pc:docMk/>
              <pc:sldMasterMk cId="2243831206" sldId="2147483767"/>
              <pc:sldLayoutMk cId="16410499" sldId="2147483780"/>
              <ac:spMk id="24" creationId="{7A1A1348-3E0D-44A2-ABE6-CB122F41E15A}"/>
            </ac:spMkLst>
          </pc:spChg>
          <pc:spChg chg="mod">
            <ac:chgData name="Jonas Bratseth" userId="7880613d-1198-4bca-afa6-2725a9958330" providerId="ADAL" clId="{95DE8DB2-18F4-433B-B35C-C72863037E4B}" dt="2021-04-27T06:04:13.688" v="2189"/>
            <ac:spMkLst>
              <pc:docMk/>
              <pc:sldMasterMk cId="2243831206" sldId="2147483767"/>
              <pc:sldLayoutMk cId="16410499" sldId="2147483780"/>
              <ac:spMk id="26" creationId="{825859A8-6BC3-464B-BAC4-75EA404385C4}"/>
            </ac:spMkLst>
          </pc:spChg>
          <pc:spChg chg="mod">
            <ac:chgData name="Jonas Bratseth" userId="7880613d-1198-4bca-afa6-2725a9958330" providerId="ADAL" clId="{95DE8DB2-18F4-433B-B35C-C72863037E4B}" dt="2021-04-27T05:47:54.496" v="1295" actId="790"/>
            <ac:spMkLst>
              <pc:docMk/>
              <pc:sldMasterMk cId="2243831206" sldId="2147483767"/>
              <pc:sldLayoutMk cId="16410499" sldId="2147483780"/>
              <ac:spMk id="27" creationId="{3BB3FD65-5F30-4FDE-B70E-D59A74BE6817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17.022" v="2193"/>
          <pc:sldLayoutMkLst>
            <pc:docMk/>
            <pc:sldMasterMk cId="2243831206" sldId="2147483767"/>
            <pc:sldLayoutMk cId="3329663524" sldId="2147483781"/>
          </pc:sldLayoutMkLst>
          <pc:spChg chg="mod">
            <ac:chgData name="Jonas Bratseth" userId="7880613d-1198-4bca-afa6-2725a9958330" providerId="ADAL" clId="{95DE8DB2-18F4-433B-B35C-C72863037E4B}" dt="2021-04-27T05:55:48.354" v="1905"/>
            <ac:spMkLst>
              <pc:docMk/>
              <pc:sldMasterMk cId="2243831206" sldId="2147483767"/>
              <pc:sldLayoutMk cId="3329663524" sldId="2147483781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59:08.118" v="2035"/>
            <ac:spMkLst>
              <pc:docMk/>
              <pc:sldMasterMk cId="2243831206" sldId="2147483767"/>
              <pc:sldLayoutMk cId="3329663524" sldId="2147483781"/>
              <ac:spMk id="6" creationId="{2B1AC3E8-DC3F-4CE5-B272-5921EFCB66D6}"/>
            </ac:spMkLst>
          </pc:spChg>
          <pc:spChg chg="mod">
            <ac:chgData name="Jonas Bratseth" userId="7880613d-1198-4bca-afa6-2725a9958330" providerId="ADAL" clId="{95DE8DB2-18F4-433B-B35C-C72863037E4B}" dt="2021-04-27T05:47:54.496" v="1298" actId="790"/>
            <ac:spMkLst>
              <pc:docMk/>
              <pc:sldMasterMk cId="2243831206" sldId="2147483767"/>
              <pc:sldLayoutMk cId="3329663524" sldId="2147483781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6:04:15.255" v="2190"/>
            <ac:spMkLst>
              <pc:docMk/>
              <pc:sldMasterMk cId="2243831206" sldId="2147483767"/>
              <pc:sldLayoutMk cId="3329663524" sldId="2147483781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504" v="1306" actId="790"/>
            <ac:spMkLst>
              <pc:docMk/>
              <pc:sldMasterMk cId="2243831206" sldId="2147483767"/>
              <pc:sldLayoutMk cId="3329663524" sldId="2147483781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95DE8DB2-18F4-433B-B35C-C72863037E4B}" dt="2021-04-27T05:47:54.496" v="1300" actId="790"/>
            <ac:spMkLst>
              <pc:docMk/>
              <pc:sldMasterMk cId="2243831206" sldId="2147483767"/>
              <pc:sldLayoutMk cId="3329663524" sldId="2147483781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4:15.822" v="2191"/>
            <ac:spMkLst>
              <pc:docMk/>
              <pc:sldMasterMk cId="2243831206" sldId="2147483767"/>
              <pc:sldLayoutMk cId="3329663524" sldId="2147483781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59:08.703" v="2036"/>
            <ac:spMkLst>
              <pc:docMk/>
              <pc:sldMasterMk cId="2243831206" sldId="2147483767"/>
              <pc:sldLayoutMk cId="3329663524" sldId="2147483781"/>
              <ac:spMk id="39" creationId="{0F10CBC3-6807-4D3C-8B23-0028D9CF8608}"/>
            </ac:spMkLst>
          </pc:spChg>
          <pc:spChg chg="mod">
            <ac:chgData name="Jonas Bratseth" userId="7880613d-1198-4bca-afa6-2725a9958330" providerId="ADAL" clId="{95DE8DB2-18F4-433B-B35C-C72863037E4B}" dt="2021-04-27T05:47:54.496" v="1302" actId="790"/>
            <ac:spMkLst>
              <pc:docMk/>
              <pc:sldMasterMk cId="2243831206" sldId="2147483767"/>
              <pc:sldLayoutMk cId="3329663524" sldId="2147483781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4:16.466" v="2192"/>
            <ac:spMkLst>
              <pc:docMk/>
              <pc:sldMasterMk cId="2243831206" sldId="2147483767"/>
              <pc:sldLayoutMk cId="3329663524" sldId="2147483781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59:09.326" v="2037"/>
            <ac:spMkLst>
              <pc:docMk/>
              <pc:sldMasterMk cId="2243831206" sldId="2147483767"/>
              <pc:sldLayoutMk cId="3329663524" sldId="2147483781"/>
              <ac:spMk id="48" creationId="{B501B0E5-0DFC-4286-9E8B-15E393E37480}"/>
            </ac:spMkLst>
          </pc:spChg>
          <pc:spChg chg="mod">
            <ac:chgData name="Jonas Bratseth" userId="7880613d-1198-4bca-afa6-2725a9958330" providerId="ADAL" clId="{95DE8DB2-18F4-433B-B35C-C72863037E4B}" dt="2021-04-27T05:47:54.496" v="1304" actId="790"/>
            <ac:spMkLst>
              <pc:docMk/>
              <pc:sldMasterMk cId="2243831206" sldId="2147483767"/>
              <pc:sldLayoutMk cId="3329663524" sldId="2147483781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4:17.022" v="2193"/>
            <ac:spMkLst>
              <pc:docMk/>
              <pc:sldMasterMk cId="2243831206" sldId="2147483767"/>
              <pc:sldLayoutMk cId="3329663524" sldId="2147483781"/>
              <ac:spMk id="51" creationId="{9B87CD94-7A09-4FBF-8581-99B20B7C8576}"/>
            </ac:spMkLst>
          </pc:spChg>
          <pc:spChg chg="mod">
            <ac:chgData name="Jonas Bratseth" userId="7880613d-1198-4bca-afa6-2725a9958330" providerId="ADAL" clId="{95DE8DB2-18F4-433B-B35C-C72863037E4B}" dt="2021-04-27T05:59:09.913" v="2038"/>
            <ac:spMkLst>
              <pc:docMk/>
              <pc:sldMasterMk cId="2243831206" sldId="2147483767"/>
              <pc:sldLayoutMk cId="3329663524" sldId="2147483781"/>
              <ac:spMk id="52" creationId="{2B934ECD-A752-45ED-BD72-370981CDAA93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6:04:19.883" v="2197"/>
          <pc:sldLayoutMkLst>
            <pc:docMk/>
            <pc:sldMasterMk cId="2243831206" sldId="2147483767"/>
            <pc:sldLayoutMk cId="1122571243" sldId="2147483782"/>
          </pc:sldLayoutMkLst>
          <pc:spChg chg="mod">
            <ac:chgData name="Jonas Bratseth" userId="7880613d-1198-4bca-afa6-2725a9958330" providerId="ADAL" clId="{95DE8DB2-18F4-433B-B35C-C72863037E4B}" dt="2021-04-27T05:55:49.540" v="1906"/>
            <ac:spMkLst>
              <pc:docMk/>
              <pc:sldMasterMk cId="2243831206" sldId="2147483767"/>
              <pc:sldLayoutMk cId="1122571243" sldId="2147483782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06" v="1308" actId="790"/>
            <ac:spMkLst>
              <pc:docMk/>
              <pc:sldMasterMk cId="2243831206" sldId="2147483767"/>
              <pc:sldLayoutMk cId="1122571243" sldId="2147483782"/>
              <ac:spMk id="8" creationId="{B2115B63-85A5-424E-8342-6645D629D5D7}"/>
            </ac:spMkLst>
          </pc:spChg>
          <pc:spChg chg="mod">
            <ac:chgData name="Jonas Bratseth" userId="7880613d-1198-4bca-afa6-2725a9958330" providerId="ADAL" clId="{95DE8DB2-18F4-433B-B35C-C72863037E4B}" dt="2021-04-27T06:04:18.365" v="2194"/>
            <ac:spMkLst>
              <pc:docMk/>
              <pc:sldMasterMk cId="2243831206" sldId="2147483767"/>
              <pc:sldLayoutMk cId="1122571243" sldId="2147483782"/>
              <ac:spMk id="16" creationId="{C3EFE82E-AFA9-4392-A98D-D7E91F50D3AD}"/>
            </ac:spMkLst>
          </pc:spChg>
          <pc:spChg chg="mod">
            <ac:chgData name="Jonas Bratseth" userId="7880613d-1198-4bca-afa6-2725a9958330" providerId="ADAL" clId="{95DE8DB2-18F4-433B-B35C-C72863037E4B}" dt="2021-04-27T05:47:54.506" v="1316" actId="790"/>
            <ac:spMkLst>
              <pc:docMk/>
              <pc:sldMasterMk cId="2243831206" sldId="2147483767"/>
              <pc:sldLayoutMk cId="1122571243" sldId="2147483782"/>
              <ac:spMk id="19" creationId="{61A31FA8-45E7-4F21-920C-1CD45F20D7EB}"/>
            </ac:spMkLst>
          </pc:spChg>
          <pc:spChg chg="mod">
            <ac:chgData name="Jonas Bratseth" userId="7880613d-1198-4bca-afa6-2725a9958330" providerId="ADAL" clId="{95DE8DB2-18F4-433B-B35C-C72863037E4B}" dt="2021-04-27T05:47:54.506" v="1310" actId="790"/>
            <ac:spMkLst>
              <pc:docMk/>
              <pc:sldMasterMk cId="2243831206" sldId="2147483767"/>
              <pc:sldLayoutMk cId="1122571243" sldId="2147483782"/>
              <ac:spMk id="33" creationId="{E07438C8-A866-46E1-83D8-57B8568CBD53}"/>
            </ac:spMkLst>
          </pc:spChg>
          <pc:spChg chg="mod">
            <ac:chgData name="Jonas Bratseth" userId="7880613d-1198-4bca-afa6-2725a9958330" providerId="ADAL" clId="{95DE8DB2-18F4-433B-B35C-C72863037E4B}" dt="2021-04-27T06:04:18.797" v="2195"/>
            <ac:spMkLst>
              <pc:docMk/>
              <pc:sldMasterMk cId="2243831206" sldId="2147483767"/>
              <pc:sldLayoutMk cId="1122571243" sldId="2147483782"/>
              <ac:spMk id="35" creationId="{67B5BB42-EBC1-4D9B-957E-57865842A511}"/>
            </ac:spMkLst>
          </pc:spChg>
          <pc:spChg chg="mod">
            <ac:chgData name="Jonas Bratseth" userId="7880613d-1198-4bca-afa6-2725a9958330" providerId="ADAL" clId="{95DE8DB2-18F4-433B-B35C-C72863037E4B}" dt="2021-04-27T05:47:54.506" v="1312" actId="790"/>
            <ac:spMkLst>
              <pc:docMk/>
              <pc:sldMasterMk cId="2243831206" sldId="2147483767"/>
              <pc:sldLayoutMk cId="1122571243" sldId="2147483782"/>
              <ac:spMk id="45" creationId="{2FA69E3C-7E3D-45A8-92CC-0988924A2E86}"/>
            </ac:spMkLst>
          </pc:spChg>
          <pc:spChg chg="mod">
            <ac:chgData name="Jonas Bratseth" userId="7880613d-1198-4bca-afa6-2725a9958330" providerId="ADAL" clId="{95DE8DB2-18F4-433B-B35C-C72863037E4B}" dt="2021-04-27T06:04:19.366" v="2196"/>
            <ac:spMkLst>
              <pc:docMk/>
              <pc:sldMasterMk cId="2243831206" sldId="2147483767"/>
              <pc:sldLayoutMk cId="1122571243" sldId="2147483782"/>
              <ac:spMk id="47" creationId="{DACA3139-8734-4F03-B7AE-06497028D8C4}"/>
            </ac:spMkLst>
          </pc:spChg>
          <pc:spChg chg="mod">
            <ac:chgData name="Jonas Bratseth" userId="7880613d-1198-4bca-afa6-2725a9958330" providerId="ADAL" clId="{95DE8DB2-18F4-433B-B35C-C72863037E4B}" dt="2021-04-27T05:47:54.506" v="1314" actId="790"/>
            <ac:spMkLst>
              <pc:docMk/>
              <pc:sldMasterMk cId="2243831206" sldId="2147483767"/>
              <pc:sldLayoutMk cId="1122571243" sldId="2147483782"/>
              <ac:spMk id="50" creationId="{A5A52AAA-CB54-4150-A3ED-F5BB9358E630}"/>
            </ac:spMkLst>
          </pc:spChg>
          <pc:spChg chg="mod">
            <ac:chgData name="Jonas Bratseth" userId="7880613d-1198-4bca-afa6-2725a9958330" providerId="ADAL" clId="{95DE8DB2-18F4-433B-B35C-C72863037E4B}" dt="2021-04-27T06:04:19.883" v="2197"/>
            <ac:spMkLst>
              <pc:docMk/>
              <pc:sldMasterMk cId="2243831206" sldId="2147483767"/>
              <pc:sldLayoutMk cId="1122571243" sldId="2147483782"/>
              <ac:spMk id="51" creationId="{9B87CD94-7A09-4FBF-8581-99B20B7C8576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55:50.737" v="1907"/>
          <pc:sldLayoutMkLst>
            <pc:docMk/>
            <pc:sldMasterMk cId="2243831206" sldId="2147483767"/>
            <pc:sldLayoutMk cId="1501640898" sldId="2147483783"/>
          </pc:sldLayoutMkLst>
          <pc:spChg chg="mod">
            <ac:chgData name="Jonas Bratseth" userId="7880613d-1198-4bca-afa6-2725a9958330" providerId="ADAL" clId="{95DE8DB2-18F4-433B-B35C-C72863037E4B}" dt="2021-04-27T05:55:50.737" v="1907"/>
            <ac:spMkLst>
              <pc:docMk/>
              <pc:sldMasterMk cId="2243831206" sldId="2147483767"/>
              <pc:sldLayoutMk cId="1501640898" sldId="2147483783"/>
              <ac:spMk id="2" creationId="{9D8C0CC4-FF8D-4840-9F6A-DCCFD694CE44}"/>
            </ac:spMkLst>
          </pc:spChg>
          <pc:spChg chg="mod">
            <ac:chgData name="Jonas Bratseth" userId="7880613d-1198-4bca-afa6-2725a9958330" providerId="ADAL" clId="{95DE8DB2-18F4-433B-B35C-C72863037E4B}" dt="2021-04-27T05:47:54.506" v="1318" actId="790"/>
            <ac:spMkLst>
              <pc:docMk/>
              <pc:sldMasterMk cId="2243831206" sldId="2147483767"/>
              <pc:sldLayoutMk cId="1501640898" sldId="2147483783"/>
              <ac:spMk id="6" creationId="{9819E40C-11F9-4CC9-A0F5-A28346A4DD61}"/>
            </ac:spMkLst>
          </pc:spChg>
        </pc:sldLayoutChg>
        <pc:sldLayoutChg chg="modSp mod">
          <pc:chgData name="Jonas Bratseth" userId="7880613d-1198-4bca-afa6-2725a9958330" providerId="ADAL" clId="{95DE8DB2-18F4-433B-B35C-C72863037E4B}" dt="2021-04-27T05:47:54.514" v="1319" actId="790"/>
          <pc:sldLayoutMkLst>
            <pc:docMk/>
            <pc:sldMasterMk cId="2243831206" sldId="2147483767"/>
            <pc:sldLayoutMk cId="2796490697" sldId="2147483784"/>
          </pc:sldLayoutMkLst>
          <pc:spChg chg="mod">
            <ac:chgData name="Jonas Bratseth" userId="7880613d-1198-4bca-afa6-2725a9958330" providerId="ADAL" clId="{95DE8DB2-18F4-433B-B35C-C72863037E4B}" dt="2021-04-27T05:47:54.514" v="1319" actId="790"/>
            <ac:spMkLst>
              <pc:docMk/>
              <pc:sldMasterMk cId="2243831206" sldId="2147483767"/>
              <pc:sldLayoutMk cId="2796490697" sldId="2147483784"/>
              <ac:spMk id="5" creationId="{04904180-C847-4FC0-9759-1956EECC4080}"/>
            </ac:spMkLst>
          </pc:spChg>
        </pc:sldLayoutChg>
      </pc:sldMasterChg>
    </pc:docChg>
  </pc:docChgLst>
  <pc:docChgLst>
    <pc:chgData name="Vincent Wego Fleischer" userId="bb3e03bd-b543-41a0-9c39-95e4679a8229" providerId="ADAL" clId="{6CB84A6A-1E61-4FD8-9D2B-0823F2957710}"/>
    <pc:docChg chg="custSel addSld modSld">
      <pc:chgData name="Vincent Wego Fleischer" userId="bb3e03bd-b543-41a0-9c39-95e4679a8229" providerId="ADAL" clId="{6CB84A6A-1E61-4FD8-9D2B-0823F2957710}" dt="2020-11-23T14:32:14.874" v="15" actId="20577"/>
      <pc:docMkLst>
        <pc:docMk/>
      </pc:docMkLst>
      <pc:sldChg chg="addSp delSp modSp new mod modClrScheme chgLayout">
        <pc:chgData name="Vincent Wego Fleischer" userId="bb3e03bd-b543-41a0-9c39-95e4679a8229" providerId="ADAL" clId="{6CB84A6A-1E61-4FD8-9D2B-0823F2957710}" dt="2020-11-23T14:32:14.874" v="15" actId="20577"/>
        <pc:sldMkLst>
          <pc:docMk/>
          <pc:sldMk cId="2881792189" sldId="262"/>
        </pc:sldMkLst>
        <pc:spChg chg="del 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2" creationId="{4E5A3145-3D70-4BEA-B5F5-3555FF04871B}"/>
          </ac:spMkLst>
        </pc:spChg>
        <pc:spChg chg="del 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3" creationId="{D98CF4FD-4D26-4C0D-A5E3-EF21AAE43C29}"/>
          </ac:spMkLst>
        </pc:spChg>
        <pc:spChg chg="del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4" creationId="{DD2E9087-F5A4-4030-89FA-C7FDEB842A77}"/>
          </ac:spMkLst>
        </pc:spChg>
        <pc:spChg chg="del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5" creationId="{5658D39F-EF7C-4542-ACD0-7634347235C8}"/>
          </ac:spMkLst>
        </pc:spChg>
        <pc:spChg chg="del 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6" creationId="{9B6D44A0-8FEE-4C13-BE2C-29FBDCD0A9C5}"/>
          </ac:spMkLst>
        </pc:spChg>
        <pc:spChg chg="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7" creationId="{F1FC572D-175B-427D-A23C-41E88E8D3DDC}"/>
          </ac:spMkLst>
        </pc:spChg>
        <pc:spChg chg="add 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8" creationId="{C7C97A56-75F6-4046-9EFB-B25A73CC923B}"/>
          </ac:spMkLst>
        </pc:spChg>
        <pc:spChg chg="add mod ord">
          <ac:chgData name="Vincent Wego Fleischer" userId="bb3e03bd-b543-41a0-9c39-95e4679a8229" providerId="ADAL" clId="{6CB84A6A-1E61-4FD8-9D2B-0823F2957710}" dt="2020-11-23T14:32:11.504" v="1" actId="700"/>
          <ac:spMkLst>
            <pc:docMk/>
            <pc:sldMk cId="2881792189" sldId="262"/>
            <ac:spMk id="9" creationId="{D6C8C833-946C-45AC-BCC1-7957EE337BDD}"/>
          </ac:spMkLst>
        </pc:spChg>
        <pc:spChg chg="add mod ord">
          <ac:chgData name="Vincent Wego Fleischer" userId="bb3e03bd-b543-41a0-9c39-95e4679a8229" providerId="ADAL" clId="{6CB84A6A-1E61-4FD8-9D2B-0823F2957710}" dt="2020-11-23T14:32:14.874" v="15" actId="20577"/>
          <ac:spMkLst>
            <pc:docMk/>
            <pc:sldMk cId="2881792189" sldId="262"/>
            <ac:spMk id="10" creationId="{DC27585C-E532-4075-B7ED-16386B4966CE}"/>
          </ac:spMkLst>
        </pc:spChg>
      </pc:sldChg>
    </pc:docChg>
  </pc:docChgLst>
  <pc:docChgLst>
    <pc:chgData name="Jørgen Bye" userId="76df00ae-291b-4ca6-9bd7-e88d9169db91" providerId="ADAL" clId="{6534C3E0-CF40-49CD-9842-42D45437FD77}"/>
    <pc:docChg chg="undo custSel addSld delSld modSld modMainMaster">
      <pc:chgData name="Jørgen Bye" userId="76df00ae-291b-4ca6-9bd7-e88d9169db91" providerId="ADAL" clId="{6534C3E0-CF40-49CD-9842-42D45437FD77}" dt="2020-10-30T10:14:15.982" v="29" actId="1076"/>
      <pc:docMkLst>
        <pc:docMk/>
      </pc:docMkLst>
      <pc:sldChg chg="addSp delSp modSp new del modAnim">
        <pc:chgData name="Jørgen Bye" userId="76df00ae-291b-4ca6-9bd7-e88d9169db91" providerId="ADAL" clId="{6534C3E0-CF40-49CD-9842-42D45437FD77}" dt="2020-10-30T10:14:12.680" v="25" actId="680"/>
        <pc:sldMkLst>
          <pc:docMk/>
          <pc:sldMk cId="4221740877" sldId="259"/>
        </pc:sldMkLst>
        <pc:spChg chg="add del">
          <ac:chgData name="Jørgen Bye" userId="76df00ae-291b-4ca6-9bd7-e88d9169db91" providerId="ADAL" clId="{6534C3E0-CF40-49CD-9842-42D45437FD77}" dt="2020-10-30T10:12:31.143" v="24"/>
          <ac:spMkLst>
            <pc:docMk/>
            <pc:sldMk cId="4221740877" sldId="259"/>
            <ac:spMk id="8" creationId="{CDA3A3BA-A2E9-4703-9443-5476036EDA8C}"/>
          </ac:spMkLst>
        </pc:spChg>
        <pc:picChg chg="add mod">
          <ac:chgData name="Jørgen Bye" userId="76df00ae-291b-4ca6-9bd7-e88d9169db91" providerId="ADAL" clId="{6534C3E0-CF40-49CD-9842-42D45437FD77}" dt="2020-10-30T10:12:31.143" v="24"/>
          <ac:picMkLst>
            <pc:docMk/>
            <pc:sldMk cId="4221740877" sldId="259"/>
            <ac:picMk id="9" creationId="{9C225470-B999-4567-B255-69472277DF17}"/>
          </ac:picMkLst>
        </pc:picChg>
      </pc:sldChg>
      <pc:sldMasterChg chg="modSldLayout">
        <pc:chgData name="Jørgen Bye" userId="76df00ae-291b-4ca6-9bd7-e88d9169db91" providerId="ADAL" clId="{6534C3E0-CF40-49CD-9842-42D45437FD77}" dt="2020-10-30T10:14:15.982" v="29" actId="1076"/>
        <pc:sldMasterMkLst>
          <pc:docMk/>
          <pc:sldMasterMk cId="4013363400" sldId="2147483662"/>
        </pc:sldMasterMkLst>
        <pc:sldLayoutChg chg="addSp delSp modSp mod">
          <pc:chgData name="Jørgen Bye" userId="76df00ae-291b-4ca6-9bd7-e88d9169db91" providerId="ADAL" clId="{6534C3E0-CF40-49CD-9842-42D45437FD77}" dt="2020-10-30T10:14:15.982" v="29" actId="1076"/>
          <pc:sldLayoutMkLst>
            <pc:docMk/>
            <pc:sldMasterMk cId="4013363400" sldId="2147483662"/>
            <pc:sldLayoutMk cId="3319619699" sldId="2147483667"/>
          </pc:sldLayoutMkLst>
          <pc:spChg chg="add del">
            <ac:chgData name="Jørgen Bye" userId="76df00ae-291b-4ca6-9bd7-e88d9169db91" providerId="ADAL" clId="{6534C3E0-CF40-49CD-9842-42D45437FD77}" dt="2020-10-30T10:11:56.623" v="0" actId="11529"/>
            <ac:spMkLst>
              <pc:docMk/>
              <pc:sldMasterMk cId="4013363400" sldId="2147483662"/>
              <pc:sldLayoutMk cId="3319619699" sldId="2147483667"/>
              <ac:spMk id="4" creationId="{140AF949-C288-40DE-A53B-1D06C73EFEB5}"/>
            </ac:spMkLst>
          </pc:spChg>
          <pc:spChg chg="add del mod">
            <ac:chgData name="Jørgen Bye" userId="76df00ae-291b-4ca6-9bd7-e88d9169db91" providerId="ADAL" clId="{6534C3E0-CF40-49CD-9842-42D45437FD77}" dt="2020-10-30T10:12:02.780" v="17" actId="21"/>
            <ac:spMkLst>
              <pc:docMk/>
              <pc:sldMasterMk cId="4013363400" sldId="2147483662"/>
              <pc:sldLayoutMk cId="3319619699" sldId="2147483667"/>
              <ac:spMk id="5" creationId="{B6888D70-50A1-4F3F-80B3-380613A06BDF}"/>
            </ac:spMkLst>
          </pc:spChg>
          <pc:spChg chg="add del mod">
            <ac:chgData name="Jørgen Bye" userId="76df00ae-291b-4ca6-9bd7-e88d9169db91" providerId="ADAL" clId="{6534C3E0-CF40-49CD-9842-42D45437FD77}" dt="2020-10-30T10:14:15.512" v="28"/>
            <ac:spMkLst>
              <pc:docMk/>
              <pc:sldMasterMk cId="4013363400" sldId="2147483662"/>
              <pc:sldLayoutMk cId="3319619699" sldId="2147483667"/>
              <ac:spMk id="12" creationId="{9AB269D9-E185-4649-881F-ABF350B34EAC}"/>
            </ac:spMkLst>
          </pc:spChg>
          <pc:spChg chg="add del mod">
            <ac:chgData name="Jørgen Bye" userId="76df00ae-291b-4ca6-9bd7-e88d9169db91" providerId="ADAL" clId="{6534C3E0-CF40-49CD-9842-42D45437FD77}" dt="2020-10-30T10:14:15.982" v="29" actId="1076"/>
            <ac:spMkLst>
              <pc:docMk/>
              <pc:sldMasterMk cId="4013363400" sldId="2147483662"/>
              <pc:sldLayoutMk cId="3319619699" sldId="2147483667"/>
              <ac:spMk id="30" creationId="{4CC0A7DB-27EF-4BE8-93B0-2E99409AE43A}"/>
            </ac:spMkLst>
          </pc:sp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16.11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16.11.2021</a:t>
            </a:fld>
            <a:endParaRPr lang="nb-NO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jupyter-notebook.readthedocs.io/en/stable/" TargetMode="External"/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jupyter-notebook.readthedocs.io/en/stable/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Hi! My name is </a:t>
            </a:r>
            <a:r>
              <a:rPr lang="en-GB" dirty="0" err="1"/>
              <a:t>Bjørnar</a:t>
            </a:r>
            <a:r>
              <a:rPr lang="en-GB" dirty="0"/>
              <a:t> </a:t>
            </a:r>
            <a:r>
              <a:rPr lang="en-GB" dirty="0" err="1"/>
              <a:t>Fjelldal</a:t>
            </a:r>
            <a:r>
              <a:rPr lang="en-GB" dirty="0"/>
              <a:t>, and I am a research scientist at SINTEF Energy research, where I, when it comes to our models, work mainly on SHOP and everything related to it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en-GB" smtClean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77938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o,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further</a:t>
            </a:r>
            <a:r>
              <a:rPr lang="nb-NO" dirty="0"/>
              <a:t> </a:t>
            </a:r>
            <a:r>
              <a:rPr lang="nb-NO" dirty="0" err="1"/>
              <a:t>adue</a:t>
            </a:r>
            <a:r>
              <a:rPr lang="nb-NO" dirty="0"/>
              <a:t>, </a:t>
            </a:r>
            <a:r>
              <a:rPr lang="nb-NO" dirty="0" err="1"/>
              <a:t>let’s</a:t>
            </a:r>
            <a:r>
              <a:rPr lang="nb-NO" dirty="0"/>
              <a:t> have a </a:t>
            </a:r>
            <a:r>
              <a:rPr lang="nb-NO" dirty="0" err="1"/>
              <a:t>look</a:t>
            </a:r>
            <a:r>
              <a:rPr lang="nb-NO" dirty="0"/>
              <a:t> at it. </a:t>
            </a:r>
            <a:r>
              <a:rPr lang="nb-NO" dirty="0" err="1"/>
              <a:t>After</a:t>
            </a:r>
            <a:r>
              <a:rPr lang="nb-NO" dirty="0"/>
              <a:t> signing up and </a:t>
            </a:r>
            <a:r>
              <a:rPr lang="nb-NO" dirty="0" err="1"/>
              <a:t>hav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 </a:t>
            </a:r>
            <a:r>
              <a:rPr lang="nb-NO" dirty="0" err="1"/>
              <a:t>approved</a:t>
            </a:r>
            <a:r>
              <a:rPr lang="nb-NO" dirty="0"/>
              <a:t>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log in.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</a:t>
            </a:r>
            <a:r>
              <a:rPr lang="nb-NO" dirty="0" err="1"/>
              <a:t>now</a:t>
            </a:r>
            <a:r>
              <a:rPr lang="nb-NO" dirty="0"/>
              <a:t> be </a:t>
            </a:r>
            <a:r>
              <a:rPr lang="nb-NO" dirty="0" err="1"/>
              <a:t>greeted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a a la carte </a:t>
            </a:r>
            <a:r>
              <a:rPr lang="nb-NO" dirty="0" err="1"/>
              <a:t>menu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different </a:t>
            </a:r>
            <a:r>
              <a:rPr lang="nb-NO" dirty="0" err="1"/>
              <a:t>docker</a:t>
            </a:r>
            <a:r>
              <a:rPr lang="nb-NO" dirty="0"/>
              <a:t> images to </a:t>
            </a:r>
            <a:r>
              <a:rPr lang="nb-NO" dirty="0" err="1"/>
              <a:t>choose</a:t>
            </a:r>
            <a:r>
              <a:rPr lang="nb-NO" dirty="0"/>
              <a:t> from. The </a:t>
            </a:r>
            <a:r>
              <a:rPr lang="nb-NO" dirty="0" err="1"/>
              <a:t>advantag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, is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provide</a:t>
            </a:r>
            <a:r>
              <a:rPr lang="nb-NO" dirty="0"/>
              <a:t> different </a:t>
            </a:r>
            <a:r>
              <a:rPr lang="nb-NO" dirty="0" err="1"/>
              <a:t>version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 for </a:t>
            </a:r>
            <a:r>
              <a:rPr lang="nb-NO" dirty="0" err="1"/>
              <a:t>you</a:t>
            </a:r>
            <a:r>
              <a:rPr lang="nb-NO" dirty="0"/>
              <a:t> to </a:t>
            </a:r>
            <a:r>
              <a:rPr lang="nb-NO" dirty="0" err="1"/>
              <a:t>select</a:t>
            </a:r>
            <a:r>
              <a:rPr lang="nb-NO" dirty="0"/>
              <a:t> from, </a:t>
            </a:r>
            <a:r>
              <a:rPr lang="nb-NO" dirty="0" err="1"/>
              <a:t>with</a:t>
            </a:r>
            <a:r>
              <a:rPr lang="nb-NO" dirty="0"/>
              <a:t> different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configurations</a:t>
            </a:r>
            <a:r>
              <a:rPr lang="nb-NO" dirty="0"/>
              <a:t> and different pre-</a:t>
            </a:r>
            <a:r>
              <a:rPr lang="nb-NO" dirty="0" err="1"/>
              <a:t>installed</a:t>
            </a:r>
            <a:r>
              <a:rPr lang="nb-NO" dirty="0"/>
              <a:t> </a:t>
            </a:r>
            <a:r>
              <a:rPr lang="nb-NO" dirty="0" err="1"/>
              <a:t>packages</a:t>
            </a:r>
            <a:r>
              <a:rPr lang="nb-NO" dirty="0"/>
              <a:t> </a:t>
            </a:r>
            <a:r>
              <a:rPr lang="nb-NO" dirty="0" err="1"/>
              <a:t>depending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needs</a:t>
            </a:r>
            <a:r>
              <a:rPr lang="nb-NO" dirty="0"/>
              <a:t>. For </a:t>
            </a:r>
            <a:r>
              <a:rPr lang="nb-NO" dirty="0" err="1"/>
              <a:t>instance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latest stable </a:t>
            </a:r>
            <a:r>
              <a:rPr lang="nb-NO" dirty="0" err="1"/>
              <a:t>version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 </a:t>
            </a:r>
            <a:r>
              <a:rPr lang="nb-NO" dirty="0" err="1"/>
              <a:t>will</a:t>
            </a:r>
            <a:r>
              <a:rPr lang="nb-NO" dirty="0"/>
              <a:t> </a:t>
            </a:r>
            <a:r>
              <a:rPr lang="nb-NO" dirty="0" err="1"/>
              <a:t>always</a:t>
            </a:r>
            <a:r>
              <a:rPr lang="nb-NO" dirty="0"/>
              <a:t> be </a:t>
            </a:r>
            <a:r>
              <a:rPr lang="nb-NO" dirty="0" err="1"/>
              <a:t>available</a:t>
            </a:r>
            <a:r>
              <a:rPr lang="nb-NO" dirty="0"/>
              <a:t> from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top</a:t>
            </a:r>
            <a:r>
              <a:rPr lang="nb-NO" dirty="0"/>
              <a:t> and </a:t>
            </a:r>
            <a:r>
              <a:rPr lang="nb-NO" dirty="0" err="1"/>
              <a:t>will</a:t>
            </a:r>
            <a:r>
              <a:rPr lang="nb-NO" dirty="0"/>
              <a:t> be part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automated</a:t>
            </a:r>
            <a:r>
              <a:rPr lang="nb-NO" dirty="0"/>
              <a:t> </a:t>
            </a:r>
            <a:r>
              <a:rPr lang="nb-NO" dirty="0" err="1"/>
              <a:t>release</a:t>
            </a:r>
            <a:r>
              <a:rPr lang="nb-NO" dirty="0"/>
              <a:t> </a:t>
            </a:r>
            <a:r>
              <a:rPr lang="nb-NO" dirty="0" err="1"/>
              <a:t>process</a:t>
            </a:r>
            <a:r>
              <a:rPr lang="nb-NO" dirty="0"/>
              <a:t>, </a:t>
            </a:r>
            <a:r>
              <a:rPr lang="nb-NO" dirty="0" err="1"/>
              <a:t>but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provide</a:t>
            </a:r>
            <a:r>
              <a:rPr lang="nb-NO" dirty="0"/>
              <a:t> an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beta </a:t>
            </a:r>
            <a:r>
              <a:rPr lang="nb-NO" dirty="0" err="1"/>
              <a:t>version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new</a:t>
            </a:r>
            <a:r>
              <a:rPr lang="nb-NO" dirty="0"/>
              <a:t> </a:t>
            </a:r>
            <a:r>
              <a:rPr lang="nb-NO" dirty="0" err="1"/>
              <a:t>releases</a:t>
            </a:r>
            <a:r>
              <a:rPr lang="nb-NO" dirty="0"/>
              <a:t>, </a:t>
            </a:r>
            <a:r>
              <a:rPr lang="nb-NO" dirty="0" err="1"/>
              <a:t>freezed</a:t>
            </a:r>
            <a:r>
              <a:rPr lang="nb-NO" dirty="0"/>
              <a:t> </a:t>
            </a:r>
            <a:r>
              <a:rPr lang="nb-NO" dirty="0" err="1"/>
              <a:t>versions</a:t>
            </a:r>
            <a:r>
              <a:rPr lang="nb-NO" dirty="0"/>
              <a:t>, </a:t>
            </a:r>
            <a:r>
              <a:rPr lang="nb-NO" dirty="0" err="1"/>
              <a:t>customer</a:t>
            </a:r>
            <a:r>
              <a:rPr lang="nb-NO" dirty="0"/>
              <a:t> </a:t>
            </a:r>
            <a:r>
              <a:rPr lang="nb-NO" dirty="0" err="1"/>
              <a:t>specific</a:t>
            </a:r>
            <a:r>
              <a:rPr lang="nb-NO" dirty="0"/>
              <a:t> </a:t>
            </a:r>
            <a:r>
              <a:rPr lang="nb-NO" dirty="0" err="1"/>
              <a:t>versions</a:t>
            </a:r>
            <a:r>
              <a:rPr lang="nb-NO" dirty="0"/>
              <a:t> or </a:t>
            </a:r>
            <a:r>
              <a:rPr lang="nb-NO" dirty="0" err="1"/>
              <a:t>perhaps</a:t>
            </a:r>
            <a:r>
              <a:rPr lang="nb-NO" dirty="0"/>
              <a:t> </a:t>
            </a:r>
            <a:r>
              <a:rPr lang="nb-NO" dirty="0" err="1"/>
              <a:t>something</a:t>
            </a:r>
            <a:r>
              <a:rPr lang="nb-NO" dirty="0"/>
              <a:t> </a:t>
            </a:r>
            <a:r>
              <a:rPr lang="nb-NO" dirty="0" err="1"/>
              <a:t>targeted</a:t>
            </a:r>
            <a:r>
              <a:rPr lang="nb-NO" dirty="0"/>
              <a:t> </a:t>
            </a:r>
            <a:r>
              <a:rPr lang="nb-NO" dirty="0" err="1"/>
              <a:t>specific</a:t>
            </a:r>
            <a:r>
              <a:rPr lang="nb-NO" dirty="0"/>
              <a:t> for students. This is all </a:t>
            </a:r>
            <a:r>
              <a:rPr lang="nb-NO" dirty="0" err="1"/>
              <a:t>customizable</a:t>
            </a:r>
            <a:r>
              <a:rPr lang="nb-NO" dirty="0"/>
              <a:t> and </a:t>
            </a:r>
            <a:r>
              <a:rPr lang="nb-NO" dirty="0" err="1"/>
              <a:t>can</a:t>
            </a:r>
            <a:r>
              <a:rPr lang="nb-NO" dirty="0"/>
              <a:t> be </a:t>
            </a:r>
            <a:r>
              <a:rPr lang="nb-NO" dirty="0" err="1"/>
              <a:t>access</a:t>
            </a:r>
            <a:r>
              <a:rPr lang="nb-NO" dirty="0"/>
              <a:t> </a:t>
            </a:r>
            <a:r>
              <a:rPr lang="nb-NO" dirty="0" err="1"/>
              <a:t>based</a:t>
            </a:r>
            <a:r>
              <a:rPr lang="nb-NO" dirty="0"/>
              <a:t> </a:t>
            </a:r>
            <a:r>
              <a:rPr lang="nb-NO" dirty="0" err="1"/>
              <a:t>depending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rganisation</a:t>
            </a:r>
            <a:r>
              <a:rPr lang="nb-NO" dirty="0"/>
              <a:t> </a:t>
            </a:r>
            <a:r>
              <a:rPr lang="nb-NO" dirty="0" err="1"/>
              <a:t>role</a:t>
            </a:r>
            <a:r>
              <a:rPr lang="nb-NO" dirty="0"/>
              <a:t>.  </a:t>
            </a:r>
          </a:p>
          <a:p>
            <a:endParaRPr lang="nb-NO" dirty="0"/>
          </a:p>
          <a:p>
            <a:r>
              <a:rPr lang="nb-NO" dirty="0" err="1"/>
              <a:t>After</a:t>
            </a:r>
            <a:r>
              <a:rPr lang="nb-NO" dirty="0"/>
              <a:t> </a:t>
            </a:r>
            <a:r>
              <a:rPr lang="nb-NO" dirty="0" err="1"/>
              <a:t>choos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ppropriate</a:t>
            </a:r>
            <a:r>
              <a:rPr lang="nb-NO" dirty="0"/>
              <a:t> server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lick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tart </a:t>
            </a:r>
            <a:r>
              <a:rPr lang="nb-NO" dirty="0" err="1"/>
              <a:t>button</a:t>
            </a:r>
            <a:r>
              <a:rPr lang="nb-NO" dirty="0"/>
              <a:t>, and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mageic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infrastructure</a:t>
            </a:r>
            <a:r>
              <a:rPr lang="nb-NO" dirty="0"/>
              <a:t> </a:t>
            </a:r>
            <a:r>
              <a:rPr lang="nb-NO" dirty="0" err="1"/>
              <a:t>described</a:t>
            </a:r>
            <a:r>
              <a:rPr lang="nb-NO" dirty="0"/>
              <a:t> a </a:t>
            </a:r>
            <a:r>
              <a:rPr lang="nb-NO" dirty="0" err="1"/>
              <a:t>few</a:t>
            </a:r>
            <a:r>
              <a:rPr lang="nb-NO" dirty="0"/>
              <a:t> </a:t>
            </a:r>
            <a:r>
              <a:rPr lang="nb-NO" dirty="0" err="1"/>
              <a:t>minutes</a:t>
            </a:r>
            <a:r>
              <a:rPr lang="nb-NO" dirty="0"/>
              <a:t> </a:t>
            </a:r>
            <a:r>
              <a:rPr lang="nb-NO" dirty="0" err="1"/>
              <a:t>ago</a:t>
            </a:r>
            <a:r>
              <a:rPr lang="nb-NO" dirty="0"/>
              <a:t> </a:t>
            </a:r>
            <a:r>
              <a:rPr lang="nb-NO" dirty="0" err="1"/>
              <a:t>happens</a:t>
            </a:r>
            <a:r>
              <a:rPr lang="nb-NO" dirty="0"/>
              <a:t>. </a:t>
            </a:r>
            <a:r>
              <a:rPr lang="nb-NO" dirty="0" err="1"/>
              <a:t>Each</a:t>
            </a:r>
            <a:r>
              <a:rPr lang="nb-NO" dirty="0"/>
              <a:t> </a:t>
            </a:r>
            <a:r>
              <a:rPr lang="nb-NO" dirty="0" err="1"/>
              <a:t>individual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 </a:t>
            </a:r>
            <a:r>
              <a:rPr lang="nb-NO" dirty="0" err="1"/>
              <a:t>gets</a:t>
            </a:r>
            <a:r>
              <a:rPr lang="nb-NO" dirty="0"/>
              <a:t> </a:t>
            </a:r>
            <a:r>
              <a:rPr lang="nb-NO" dirty="0" err="1"/>
              <a:t>assigned</a:t>
            </a:r>
            <a:r>
              <a:rPr lang="nb-NO" dirty="0"/>
              <a:t> </a:t>
            </a:r>
            <a:r>
              <a:rPr lang="nb-NO" dirty="0" err="1"/>
              <a:t>thei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secure</a:t>
            </a:r>
            <a:r>
              <a:rPr lang="nb-NO" dirty="0"/>
              <a:t>, private </a:t>
            </a:r>
            <a:r>
              <a:rPr lang="nb-NO" dirty="0" err="1"/>
              <a:t>storage</a:t>
            </a:r>
            <a:r>
              <a:rPr lang="nb-NO" dirty="0"/>
              <a:t> area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zure</a:t>
            </a:r>
            <a:r>
              <a:rPr lang="nb-NO" dirty="0"/>
              <a:t> </a:t>
            </a:r>
            <a:r>
              <a:rPr lang="nb-NO" dirty="0" err="1"/>
              <a:t>cloud</a:t>
            </a:r>
            <a:r>
              <a:rPr lang="nb-NO" dirty="0"/>
              <a:t>, </a:t>
            </a:r>
            <a:r>
              <a:rPr lang="nb-NO" dirty="0" err="1"/>
              <a:t>called</a:t>
            </a:r>
            <a:r>
              <a:rPr lang="nb-NO" dirty="0"/>
              <a:t> a </a:t>
            </a:r>
            <a:r>
              <a:rPr lang="nb-NO" dirty="0" err="1"/>
              <a:t>persistant</a:t>
            </a:r>
            <a:r>
              <a:rPr lang="nb-NO" dirty="0"/>
              <a:t> </a:t>
            </a:r>
            <a:r>
              <a:rPr lang="nb-NO" dirty="0" err="1"/>
              <a:t>volume</a:t>
            </a:r>
            <a:r>
              <a:rPr lang="nb-NO" dirty="0"/>
              <a:t>, and a </a:t>
            </a:r>
            <a:r>
              <a:rPr lang="nb-NO" dirty="0" err="1"/>
              <a:t>individual</a:t>
            </a:r>
            <a:r>
              <a:rPr lang="nb-NO" dirty="0"/>
              <a:t> </a:t>
            </a:r>
            <a:r>
              <a:rPr lang="nb-NO" dirty="0" err="1"/>
              <a:t>docker</a:t>
            </a:r>
            <a:r>
              <a:rPr lang="nb-NO" dirty="0"/>
              <a:t> container is </a:t>
            </a:r>
            <a:r>
              <a:rPr lang="nb-NO" dirty="0" err="1"/>
              <a:t>being</a:t>
            </a:r>
            <a:r>
              <a:rPr lang="nb-NO" dirty="0"/>
              <a:t> </a:t>
            </a:r>
            <a:r>
              <a:rPr lang="nb-NO" dirty="0" err="1"/>
              <a:t>created</a:t>
            </a:r>
            <a:r>
              <a:rPr lang="nb-NO" dirty="0"/>
              <a:t> for </a:t>
            </a:r>
            <a:r>
              <a:rPr lang="nb-NO" dirty="0" err="1"/>
              <a:t>each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, giving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ready</a:t>
            </a:r>
            <a:r>
              <a:rPr lang="nb-NO" dirty="0"/>
              <a:t>-to-</a:t>
            </a:r>
            <a:r>
              <a:rPr lang="nb-NO" dirty="0" err="1"/>
              <a:t>go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, </a:t>
            </a:r>
            <a:r>
              <a:rPr lang="nb-NO" dirty="0" err="1"/>
              <a:t>useful</a:t>
            </a:r>
            <a:r>
              <a:rPr lang="nb-NO" dirty="0"/>
              <a:t> </a:t>
            </a:r>
            <a:r>
              <a:rPr lang="nb-NO" dirty="0" err="1"/>
              <a:t>applications</a:t>
            </a:r>
            <a:r>
              <a:rPr lang="nb-NO" dirty="0"/>
              <a:t> and </a:t>
            </a:r>
            <a:r>
              <a:rPr lang="nb-NO" dirty="0" err="1"/>
              <a:t>packages</a:t>
            </a:r>
            <a:r>
              <a:rPr lang="nb-NO" dirty="0"/>
              <a:t>,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guaranteed</a:t>
            </a:r>
            <a:r>
              <a:rPr lang="nb-NO" dirty="0"/>
              <a:t> to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configuration</a:t>
            </a:r>
            <a:r>
              <a:rPr lang="nb-NO" dirty="0"/>
              <a:t>.  </a:t>
            </a:r>
            <a:r>
              <a:rPr lang="nb-NO" dirty="0" err="1"/>
              <a:t>What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happens</a:t>
            </a:r>
            <a:r>
              <a:rPr lang="nb-NO" dirty="0"/>
              <a:t>, is </a:t>
            </a:r>
            <a:r>
              <a:rPr lang="nb-NO" dirty="0" err="1"/>
              <a:t>that</a:t>
            </a:r>
            <a:r>
              <a:rPr lang="nb-NO" dirty="0"/>
              <a:t> a folder </a:t>
            </a:r>
            <a:r>
              <a:rPr lang="nb-NO" dirty="0" err="1"/>
              <a:t>named</a:t>
            </a:r>
            <a:r>
              <a:rPr lang="nb-NO" dirty="0"/>
              <a:t> «</a:t>
            </a:r>
            <a:r>
              <a:rPr lang="nb-NO" dirty="0" err="1"/>
              <a:t>shop_examples</a:t>
            </a:r>
            <a:r>
              <a:rPr lang="nb-NO" dirty="0"/>
              <a:t>» </a:t>
            </a:r>
            <a:r>
              <a:rPr lang="nb-NO" dirty="0" err="1"/>
              <a:t>automatically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be </a:t>
            </a:r>
            <a:r>
              <a:rPr lang="nb-NO" dirty="0" err="1"/>
              <a:t>synced</a:t>
            </a:r>
            <a:r>
              <a:rPr lang="nb-NO" dirty="0"/>
              <a:t> from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public</a:t>
            </a:r>
            <a:r>
              <a:rPr lang="nb-NO" dirty="0"/>
              <a:t> </a:t>
            </a:r>
            <a:r>
              <a:rPr lang="nb-NO" dirty="0" err="1"/>
              <a:t>github</a:t>
            </a:r>
            <a:r>
              <a:rPr lang="nb-NO" dirty="0"/>
              <a:t> </a:t>
            </a:r>
            <a:r>
              <a:rPr lang="nb-NO" dirty="0" err="1"/>
              <a:t>repository</a:t>
            </a:r>
            <a:r>
              <a:rPr lang="nb-NO" dirty="0"/>
              <a:t>, </a:t>
            </a:r>
            <a:r>
              <a:rPr lang="nb-NO" dirty="0" err="1"/>
              <a:t>contain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latest </a:t>
            </a:r>
            <a:r>
              <a:rPr lang="nb-NO" dirty="0" err="1"/>
              <a:t>runnabl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for shop. This </a:t>
            </a:r>
            <a:r>
              <a:rPr lang="nb-NO" dirty="0" err="1"/>
              <a:t>gives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an </a:t>
            </a:r>
            <a:r>
              <a:rPr lang="nb-NO" dirty="0" err="1"/>
              <a:t>immediadte</a:t>
            </a:r>
            <a:r>
              <a:rPr lang="nb-NO" dirty="0"/>
              <a:t> </a:t>
            </a:r>
            <a:r>
              <a:rPr lang="nb-NO" dirty="0" err="1"/>
              <a:t>chance</a:t>
            </a:r>
            <a:r>
              <a:rPr lang="nb-NO" dirty="0"/>
              <a:t> to run SHOP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even</a:t>
            </a:r>
            <a:r>
              <a:rPr lang="nb-NO" dirty="0"/>
              <a:t> </a:t>
            </a:r>
            <a:r>
              <a:rPr lang="nb-NO" dirty="0" err="1"/>
              <a:t>writing</a:t>
            </a:r>
            <a:r>
              <a:rPr lang="nb-NO" dirty="0"/>
              <a:t> as </a:t>
            </a:r>
            <a:r>
              <a:rPr lang="nb-NO" dirty="0" err="1"/>
              <a:t>much</a:t>
            </a:r>
            <a:r>
              <a:rPr lang="nb-NO" dirty="0"/>
              <a:t> as a single </a:t>
            </a:r>
            <a:r>
              <a:rPr lang="nb-NO" dirty="0" err="1"/>
              <a:t>command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 err="1"/>
              <a:t>Let’s</a:t>
            </a:r>
            <a:r>
              <a:rPr lang="nb-NO" dirty="0"/>
              <a:t> </a:t>
            </a:r>
            <a:r>
              <a:rPr lang="nb-NO" dirty="0" err="1"/>
              <a:t>go</a:t>
            </a:r>
            <a:r>
              <a:rPr lang="nb-NO" dirty="0"/>
              <a:t> </a:t>
            </a:r>
            <a:r>
              <a:rPr lang="nb-NO" dirty="0" err="1"/>
              <a:t>ahead</a:t>
            </a:r>
            <a:r>
              <a:rPr lang="nb-NO" dirty="0"/>
              <a:t> and </a:t>
            </a:r>
            <a:r>
              <a:rPr lang="nb-NO" dirty="0" err="1"/>
              <a:t>check</a:t>
            </a:r>
            <a:r>
              <a:rPr lang="nb-NO" dirty="0"/>
              <a:t> </a:t>
            </a:r>
            <a:r>
              <a:rPr lang="nb-NO" dirty="0" err="1"/>
              <a:t>out</a:t>
            </a:r>
            <a:r>
              <a:rPr lang="nb-NO" dirty="0"/>
              <a:t> </a:t>
            </a:r>
            <a:r>
              <a:rPr lang="nb-NO" dirty="0" err="1"/>
              <a:t>som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. This i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basic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 </a:t>
            </a:r>
            <a:r>
              <a:rPr lang="nb-NO" dirty="0" err="1"/>
              <a:t>describing</a:t>
            </a:r>
            <a:r>
              <a:rPr lang="nb-NO" dirty="0"/>
              <a:t> </a:t>
            </a:r>
            <a:r>
              <a:rPr lang="nb-NO" dirty="0" err="1"/>
              <a:t>how</a:t>
            </a:r>
            <a:r>
              <a:rPr lang="nb-NO" dirty="0"/>
              <a:t> to </a:t>
            </a:r>
            <a:r>
              <a:rPr lang="nb-NO" dirty="0" err="1"/>
              <a:t>build</a:t>
            </a:r>
            <a:r>
              <a:rPr lang="nb-NO" dirty="0"/>
              <a:t> a SHOP </a:t>
            </a:r>
            <a:r>
              <a:rPr lang="nb-NO" dirty="0" err="1"/>
              <a:t>model</a:t>
            </a:r>
            <a:r>
              <a:rPr lang="nb-NO" dirty="0"/>
              <a:t> in </a:t>
            </a:r>
            <a:r>
              <a:rPr lang="nb-NO" dirty="0" err="1"/>
              <a:t>pyshop</a:t>
            </a:r>
            <a:r>
              <a:rPr lang="nb-NO" dirty="0"/>
              <a:t>.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inspect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input data, run SHOP and </a:t>
            </a:r>
            <a:r>
              <a:rPr lang="nb-NO" dirty="0" err="1"/>
              <a:t>se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ptimized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. If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still </a:t>
            </a:r>
            <a:r>
              <a:rPr lang="nb-NO" dirty="0" err="1"/>
              <a:t>using</a:t>
            </a:r>
            <a:r>
              <a:rPr lang="nb-NO" dirty="0"/>
              <a:t> ASCII files to </a:t>
            </a:r>
            <a:r>
              <a:rPr lang="nb-NO" dirty="0" err="1"/>
              <a:t>communicat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</a:t>
            </a:r>
            <a:r>
              <a:rPr lang="nb-NO" dirty="0" err="1"/>
              <a:t>core</a:t>
            </a:r>
            <a:r>
              <a:rPr lang="nb-NO" dirty="0"/>
              <a:t>, </a:t>
            </a:r>
            <a:r>
              <a:rPr lang="nb-NO" dirty="0" err="1"/>
              <a:t>there</a:t>
            </a:r>
            <a:r>
              <a:rPr lang="nb-NO" dirty="0"/>
              <a:t> is an </a:t>
            </a:r>
            <a:r>
              <a:rPr lang="nb-NO" dirty="0" err="1"/>
              <a:t>example</a:t>
            </a:r>
            <a:r>
              <a:rPr lang="nb-NO" dirty="0"/>
              <a:t> for </a:t>
            </a:r>
            <a:r>
              <a:rPr lang="nb-NO" dirty="0" err="1"/>
              <a:t>that</a:t>
            </a:r>
            <a:r>
              <a:rPr lang="nb-NO" dirty="0"/>
              <a:t> as </a:t>
            </a:r>
            <a:r>
              <a:rPr lang="nb-NO" dirty="0" err="1"/>
              <a:t>well</a:t>
            </a:r>
            <a:r>
              <a:rPr lang="nb-NO" dirty="0"/>
              <a:t>. The lab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be used to </a:t>
            </a:r>
            <a:r>
              <a:rPr lang="nb-NO" dirty="0" err="1"/>
              <a:t>view</a:t>
            </a:r>
            <a:r>
              <a:rPr lang="nb-NO" dirty="0"/>
              <a:t> and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text</a:t>
            </a:r>
            <a:r>
              <a:rPr lang="nb-NO" dirty="0"/>
              <a:t> </a:t>
            </a:r>
            <a:r>
              <a:rPr lang="nb-NO" dirty="0" err="1"/>
              <a:t>based</a:t>
            </a:r>
            <a:r>
              <a:rPr lang="nb-NO" dirty="0"/>
              <a:t> file. One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big</a:t>
            </a:r>
            <a:r>
              <a:rPr lang="nb-NO" dirty="0"/>
              <a:t> </a:t>
            </a:r>
            <a:r>
              <a:rPr lang="nb-NO" dirty="0" err="1"/>
              <a:t>advantages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Jupyter</a:t>
            </a:r>
            <a:r>
              <a:rPr lang="nb-NO" dirty="0"/>
              <a:t> </a:t>
            </a:r>
            <a:r>
              <a:rPr lang="nb-NO" dirty="0" err="1"/>
              <a:t>notebooks</a:t>
            </a:r>
            <a:r>
              <a:rPr lang="nb-NO" dirty="0"/>
              <a:t> i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bility</a:t>
            </a:r>
            <a:r>
              <a:rPr lang="nb-NO" dirty="0"/>
              <a:t> to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latest and </a:t>
            </a:r>
            <a:r>
              <a:rPr lang="nb-NO" dirty="0" err="1"/>
              <a:t>greate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to </a:t>
            </a:r>
            <a:r>
              <a:rPr lang="nb-NO" dirty="0" err="1"/>
              <a:t>inspect</a:t>
            </a:r>
            <a:r>
              <a:rPr lang="nb-NO" dirty="0"/>
              <a:t> and plot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, for </a:t>
            </a:r>
            <a:r>
              <a:rPr lang="nb-NO" dirty="0" err="1"/>
              <a:t>instance</a:t>
            </a:r>
            <a:r>
              <a:rPr lang="nb-NO" dirty="0"/>
              <a:t> i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 </a:t>
            </a:r>
            <a:r>
              <a:rPr lang="nb-NO" dirty="0" err="1"/>
              <a:t>where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import </a:t>
            </a:r>
            <a:r>
              <a:rPr lang="nb-NO" dirty="0" err="1"/>
              <a:t>price</a:t>
            </a:r>
            <a:r>
              <a:rPr lang="nb-NO" dirty="0"/>
              <a:t> </a:t>
            </a:r>
            <a:r>
              <a:rPr lang="nb-NO" dirty="0" err="1"/>
              <a:t>forecasts</a:t>
            </a:r>
            <a:r>
              <a:rPr lang="nb-NO" dirty="0"/>
              <a:t> from an </a:t>
            </a:r>
            <a:r>
              <a:rPr lang="nb-NO" dirty="0" err="1"/>
              <a:t>excel</a:t>
            </a:r>
            <a:r>
              <a:rPr lang="nb-NO" dirty="0"/>
              <a:t> file and </a:t>
            </a:r>
            <a:r>
              <a:rPr lang="nb-NO" dirty="0" err="1"/>
              <a:t>construct</a:t>
            </a:r>
            <a:r>
              <a:rPr lang="nb-NO" dirty="0"/>
              <a:t> a </a:t>
            </a:r>
            <a:r>
              <a:rPr lang="nb-NO" dirty="0" err="1"/>
              <a:t>multi</a:t>
            </a:r>
            <a:r>
              <a:rPr lang="nb-NO" dirty="0"/>
              <a:t> </a:t>
            </a:r>
            <a:r>
              <a:rPr lang="nb-NO" dirty="0" err="1"/>
              <a:t>price</a:t>
            </a:r>
            <a:r>
              <a:rPr lang="nb-NO" dirty="0"/>
              <a:t> </a:t>
            </a:r>
            <a:r>
              <a:rPr lang="nb-NO" dirty="0" err="1"/>
              <a:t>bid</a:t>
            </a:r>
            <a:r>
              <a:rPr lang="nb-NO" dirty="0"/>
              <a:t> </a:t>
            </a:r>
            <a:r>
              <a:rPr lang="nb-NO" dirty="0" err="1"/>
              <a:t>matrix</a:t>
            </a:r>
            <a:r>
              <a:rPr lang="nb-NO" dirty="0"/>
              <a:t>, </a:t>
            </a:r>
            <a:r>
              <a:rPr lang="nb-NO" dirty="0" err="1"/>
              <a:t>using</a:t>
            </a:r>
            <a:r>
              <a:rPr lang="nb-NO" dirty="0"/>
              <a:t> </a:t>
            </a:r>
            <a:r>
              <a:rPr lang="nb-NO" dirty="0" err="1"/>
              <a:t>Plotly</a:t>
            </a:r>
            <a:r>
              <a:rPr lang="nb-NO" dirty="0"/>
              <a:t> to </a:t>
            </a:r>
            <a:r>
              <a:rPr lang="nb-NO" dirty="0" err="1"/>
              <a:t>inspec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 in </a:t>
            </a:r>
            <a:r>
              <a:rPr lang="nb-NO" dirty="0" err="1"/>
              <a:t>variou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</a:t>
            </a:r>
            <a:r>
              <a:rPr lang="nb-NO" dirty="0" err="1"/>
              <a:t>such</a:t>
            </a:r>
            <a:r>
              <a:rPr lang="nb-NO" dirty="0"/>
              <a:t> as line plots, bar plots and heat </a:t>
            </a:r>
            <a:r>
              <a:rPr lang="nb-NO" dirty="0" err="1"/>
              <a:t>maps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 err="1"/>
              <a:t>Visualiz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data is </a:t>
            </a:r>
            <a:r>
              <a:rPr lang="nb-NO" dirty="0" err="1"/>
              <a:t>perhaps</a:t>
            </a:r>
            <a:r>
              <a:rPr lang="nb-NO" dirty="0"/>
              <a:t> </a:t>
            </a:r>
            <a:r>
              <a:rPr lang="nb-NO" dirty="0" err="1"/>
              <a:t>even</a:t>
            </a:r>
            <a:r>
              <a:rPr lang="nb-NO" dirty="0"/>
              <a:t> more </a:t>
            </a:r>
            <a:r>
              <a:rPr lang="nb-NO" dirty="0" err="1"/>
              <a:t>important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it </a:t>
            </a:r>
            <a:r>
              <a:rPr lang="nb-NO" dirty="0" err="1"/>
              <a:t>comes</a:t>
            </a:r>
            <a:r>
              <a:rPr lang="nb-NO" dirty="0"/>
              <a:t> to </a:t>
            </a:r>
            <a:r>
              <a:rPr lang="nb-NO" dirty="0" err="1"/>
              <a:t>cuts</a:t>
            </a:r>
            <a:r>
              <a:rPr lang="nb-NO" dirty="0"/>
              <a:t> and water </a:t>
            </a:r>
            <a:r>
              <a:rPr lang="nb-NO" dirty="0" err="1"/>
              <a:t>values</a:t>
            </a:r>
            <a:r>
              <a:rPr lang="nb-NO" dirty="0"/>
              <a:t>, </a:t>
            </a:r>
            <a:r>
              <a:rPr lang="nb-NO" dirty="0" err="1"/>
              <a:t>which</a:t>
            </a:r>
            <a:r>
              <a:rPr lang="nb-NO" dirty="0"/>
              <a:t> is </a:t>
            </a:r>
            <a:r>
              <a:rPr lang="nb-NO" dirty="0" err="1"/>
              <a:t>something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have an </a:t>
            </a:r>
            <a:r>
              <a:rPr lang="nb-NO" dirty="0" err="1"/>
              <a:t>example</a:t>
            </a:r>
            <a:r>
              <a:rPr lang="nb-NO" dirty="0"/>
              <a:t> for. </a:t>
            </a:r>
            <a:r>
              <a:rPr lang="nb-NO" dirty="0" err="1"/>
              <a:t>Why</a:t>
            </a:r>
            <a:r>
              <a:rPr lang="nb-NO" dirty="0"/>
              <a:t> </a:t>
            </a:r>
            <a:r>
              <a:rPr lang="nb-NO" dirty="0" err="1"/>
              <a:t>don’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try</a:t>
            </a:r>
            <a:r>
              <a:rPr lang="nb-NO" dirty="0"/>
              <a:t> to </a:t>
            </a:r>
            <a:r>
              <a:rPr lang="nb-NO" dirty="0" err="1"/>
              <a:t>illustrat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cuts</a:t>
            </a:r>
            <a:r>
              <a:rPr lang="nb-NO" dirty="0"/>
              <a:t> in a 3D-plane?</a:t>
            </a:r>
          </a:p>
          <a:p>
            <a:endParaRPr lang="nb-NO" dirty="0"/>
          </a:p>
          <a:p>
            <a:r>
              <a:rPr lang="nb-NO" dirty="0"/>
              <a:t>Python, </a:t>
            </a:r>
            <a:r>
              <a:rPr lang="nb-NO" dirty="0" err="1"/>
              <a:t>Jupyter</a:t>
            </a:r>
            <a:r>
              <a:rPr lang="nb-NO" dirty="0"/>
              <a:t> and </a:t>
            </a:r>
            <a:r>
              <a:rPr lang="nb-NO" dirty="0" err="1"/>
              <a:t>pyshop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makes it </a:t>
            </a:r>
            <a:r>
              <a:rPr lang="nb-NO" dirty="0" err="1"/>
              <a:t>easy</a:t>
            </a:r>
            <a:r>
              <a:rPr lang="nb-NO" dirty="0"/>
              <a:t> to be </a:t>
            </a:r>
            <a:r>
              <a:rPr lang="nb-NO" dirty="0" err="1"/>
              <a:t>interactive</a:t>
            </a:r>
            <a:r>
              <a:rPr lang="nb-NO" dirty="0"/>
              <a:t>, for </a:t>
            </a:r>
            <a:r>
              <a:rPr lang="nb-NO" dirty="0" err="1"/>
              <a:t>instance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</a:t>
            </a:r>
            <a:r>
              <a:rPr lang="nb-NO" dirty="0" err="1"/>
              <a:t>illustrat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best </a:t>
            </a:r>
            <a:r>
              <a:rPr lang="nb-NO" dirty="0" err="1"/>
              <a:t>profit</a:t>
            </a:r>
            <a:r>
              <a:rPr lang="nb-NO" dirty="0"/>
              <a:t> </a:t>
            </a:r>
            <a:r>
              <a:rPr lang="nb-NO" dirty="0" err="1"/>
              <a:t>curve</a:t>
            </a:r>
            <a:r>
              <a:rPr lang="nb-NO" dirty="0"/>
              <a:t> for different </a:t>
            </a:r>
            <a:r>
              <a:rPr lang="nb-NO" dirty="0" err="1"/>
              <a:t>hou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day</a:t>
            </a:r>
            <a:r>
              <a:rPr lang="nb-NO" dirty="0"/>
              <a:t>. And </a:t>
            </a:r>
            <a:r>
              <a:rPr lang="nb-NO" dirty="0" err="1"/>
              <a:t>why</a:t>
            </a:r>
            <a:r>
              <a:rPr lang="nb-NO" dirty="0"/>
              <a:t> not make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built</a:t>
            </a:r>
            <a:r>
              <a:rPr lang="nb-NO" dirty="0"/>
              <a:t> in </a:t>
            </a:r>
            <a:r>
              <a:rPr lang="nb-NO" dirty="0" err="1"/>
              <a:t>function</a:t>
            </a:r>
            <a:r>
              <a:rPr lang="nb-NO" dirty="0"/>
              <a:t> for plotting </a:t>
            </a:r>
            <a:r>
              <a:rPr lang="nb-NO" dirty="0" err="1"/>
              <a:t>your</a:t>
            </a:r>
            <a:r>
              <a:rPr lang="nb-NO" dirty="0"/>
              <a:t> water </a:t>
            </a:r>
            <a:r>
              <a:rPr lang="nb-NO" dirty="0" err="1"/>
              <a:t>course</a:t>
            </a:r>
            <a:r>
              <a:rPr lang="nb-NO" dirty="0"/>
              <a:t>, and </a:t>
            </a:r>
            <a:r>
              <a:rPr lang="nb-NO" dirty="0" err="1"/>
              <a:t>applying</a:t>
            </a:r>
            <a:r>
              <a:rPr lang="nb-NO" dirty="0"/>
              <a:t> </a:t>
            </a:r>
            <a:r>
              <a:rPr lang="nb-NO" dirty="0" err="1"/>
              <a:t>some</a:t>
            </a:r>
            <a:r>
              <a:rPr lang="nb-NO" dirty="0"/>
              <a:t> </a:t>
            </a:r>
            <a:r>
              <a:rPr lang="nb-NO" dirty="0" err="1"/>
              <a:t>interactive</a:t>
            </a:r>
            <a:r>
              <a:rPr lang="nb-NO" dirty="0"/>
              <a:t> elements </a:t>
            </a:r>
            <a:r>
              <a:rPr lang="nb-NO" dirty="0" err="1"/>
              <a:t>on</a:t>
            </a:r>
            <a:r>
              <a:rPr lang="nb-NO" dirty="0"/>
              <a:t> it – to </a:t>
            </a:r>
            <a:r>
              <a:rPr lang="nb-NO" dirty="0" err="1"/>
              <a:t>lillustrat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ervoir</a:t>
            </a:r>
            <a:r>
              <a:rPr lang="nb-NO" dirty="0"/>
              <a:t> </a:t>
            </a:r>
            <a:r>
              <a:rPr lang="nb-NO" dirty="0" err="1"/>
              <a:t>levels</a:t>
            </a:r>
            <a:r>
              <a:rPr lang="nb-NO" dirty="0"/>
              <a:t> in time, by </a:t>
            </a:r>
            <a:r>
              <a:rPr lang="nb-NO" dirty="0" err="1"/>
              <a:t>dragging</a:t>
            </a:r>
            <a:r>
              <a:rPr lang="nb-NO" dirty="0"/>
              <a:t> a </a:t>
            </a:r>
            <a:r>
              <a:rPr lang="nb-NO" dirty="0" err="1"/>
              <a:t>slider</a:t>
            </a:r>
            <a:r>
              <a:rPr lang="nb-NO" dirty="0"/>
              <a:t>?</a:t>
            </a:r>
          </a:p>
          <a:p>
            <a:endParaRPr lang="nb-NO" dirty="0"/>
          </a:p>
          <a:p>
            <a:r>
              <a:rPr lang="nb-NO" dirty="0" err="1"/>
              <a:t>Thes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here</a:t>
            </a:r>
            <a:r>
              <a:rPr lang="nb-NO" dirty="0"/>
              <a:t> as a </a:t>
            </a:r>
            <a:r>
              <a:rPr lang="nb-NO" dirty="0" err="1"/>
              <a:t>way</a:t>
            </a:r>
            <a:r>
              <a:rPr lang="nb-NO" dirty="0"/>
              <a:t> to </a:t>
            </a:r>
            <a:r>
              <a:rPr lang="nb-NO" dirty="0" err="1"/>
              <a:t>inspire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</a:t>
            </a:r>
            <a:r>
              <a:rPr lang="nb-NO" dirty="0" err="1"/>
              <a:t>build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in SHOP. If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base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a </a:t>
            </a:r>
            <a:r>
              <a:rPr lang="nb-NO" dirty="0" err="1"/>
              <a:t>current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simply</a:t>
            </a:r>
            <a:r>
              <a:rPr lang="nb-NO" dirty="0"/>
              <a:t> </a:t>
            </a:r>
            <a:r>
              <a:rPr lang="nb-NO" dirty="0" err="1"/>
              <a:t>copy</a:t>
            </a:r>
            <a:r>
              <a:rPr lang="nb-NO" dirty="0"/>
              <a:t> it </a:t>
            </a:r>
            <a:r>
              <a:rPr lang="nb-NO" dirty="0" err="1"/>
              <a:t>ou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folder and </a:t>
            </a:r>
            <a:r>
              <a:rPr lang="nb-NO" dirty="0" err="1"/>
              <a:t>into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home</a:t>
            </a:r>
            <a:r>
              <a:rPr lang="nb-NO" dirty="0"/>
              <a:t> </a:t>
            </a:r>
            <a:r>
              <a:rPr lang="nb-NO" dirty="0" err="1"/>
              <a:t>directory</a:t>
            </a:r>
            <a:r>
              <a:rPr lang="nb-NO" dirty="0"/>
              <a:t>, </a:t>
            </a:r>
            <a:r>
              <a:rPr lang="nb-NO" dirty="0" err="1"/>
              <a:t>andmodify</a:t>
            </a:r>
            <a:r>
              <a:rPr lang="nb-NO" dirty="0"/>
              <a:t> it as </a:t>
            </a:r>
            <a:r>
              <a:rPr lang="nb-NO" dirty="0" err="1"/>
              <a:t>necessasry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start </a:t>
            </a:r>
            <a:r>
              <a:rPr lang="nb-NO" dirty="0" err="1"/>
              <a:t>fresh</a:t>
            </a:r>
            <a:r>
              <a:rPr lang="nb-NO" dirty="0"/>
              <a:t>,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course</a:t>
            </a:r>
            <a:r>
              <a:rPr lang="nb-NO" dirty="0"/>
              <a:t>, and </a:t>
            </a:r>
            <a:r>
              <a:rPr lang="nb-NO" dirty="0" err="1"/>
              <a:t>modify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as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ould</a:t>
            </a:r>
            <a:r>
              <a:rPr lang="nb-NO" dirty="0"/>
              <a:t> like </a:t>
            </a:r>
            <a:r>
              <a:rPr lang="nb-NO" dirty="0" err="1"/>
              <a:t>through</a:t>
            </a:r>
            <a:r>
              <a:rPr lang="nb-NO" dirty="0"/>
              <a:t> terminal </a:t>
            </a:r>
            <a:r>
              <a:rPr lang="nb-NO" dirty="0" err="1"/>
              <a:t>commands</a:t>
            </a:r>
            <a:r>
              <a:rPr lang="nb-NO" dirty="0"/>
              <a:t> or by </a:t>
            </a:r>
            <a:r>
              <a:rPr lang="nb-NO" dirty="0" err="1"/>
              <a:t>other</a:t>
            </a:r>
            <a:r>
              <a:rPr lang="nb-NO" dirty="0"/>
              <a:t> lab </a:t>
            </a:r>
            <a:r>
              <a:rPr lang="nb-NO" dirty="0" err="1"/>
              <a:t>extensions</a:t>
            </a:r>
            <a:r>
              <a:rPr lang="nb-NO" dirty="0"/>
              <a:t>. The </a:t>
            </a:r>
            <a:r>
              <a:rPr lang="nb-NO" dirty="0" err="1"/>
              <a:t>possiblilties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endless</a:t>
            </a:r>
            <a:r>
              <a:rPr lang="nb-NO" dirty="0"/>
              <a:t> </a:t>
            </a:r>
            <a:r>
              <a:rPr lang="nb-NO" dirty="0" err="1"/>
              <a:t>here</a:t>
            </a:r>
            <a:r>
              <a:rPr lang="nb-NO" dirty="0"/>
              <a:t>, and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make sure to </a:t>
            </a:r>
            <a:r>
              <a:rPr lang="nb-NO" dirty="0" err="1"/>
              <a:t>provide</a:t>
            </a:r>
            <a:r>
              <a:rPr lang="nb-NO" dirty="0"/>
              <a:t> as </a:t>
            </a:r>
            <a:r>
              <a:rPr lang="nb-NO" dirty="0" err="1"/>
              <a:t>many</a:t>
            </a:r>
            <a:r>
              <a:rPr lang="nb-NO" dirty="0"/>
              <a:t> </a:t>
            </a:r>
            <a:r>
              <a:rPr lang="nb-NO" dirty="0" err="1"/>
              <a:t>neat</a:t>
            </a:r>
            <a:r>
              <a:rPr lang="nb-NO" dirty="0"/>
              <a:t> </a:t>
            </a:r>
            <a:r>
              <a:rPr lang="nb-NO" dirty="0" err="1"/>
              <a:t>features</a:t>
            </a:r>
            <a:r>
              <a:rPr lang="nb-NO" dirty="0"/>
              <a:t> as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moving</a:t>
            </a:r>
            <a:r>
              <a:rPr lang="nb-NO" dirty="0"/>
              <a:t> on.</a:t>
            </a:r>
          </a:p>
          <a:p>
            <a:endParaRPr lang="nb-NO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824478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en-GB" smtClean="0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38669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Here at </a:t>
            </a:r>
            <a:r>
              <a:rPr lang="nb-NO" dirty="0" err="1"/>
              <a:t>the</a:t>
            </a:r>
            <a:r>
              <a:rPr lang="nb-NO" dirty="0"/>
              <a:t> SHOP team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im</a:t>
            </a:r>
            <a:r>
              <a:rPr lang="nb-NO" dirty="0"/>
              <a:t> </a:t>
            </a:r>
            <a:r>
              <a:rPr lang="nb-NO" dirty="0" err="1"/>
              <a:t>towards</a:t>
            </a:r>
            <a:r>
              <a:rPr lang="nb-NO" dirty="0"/>
              <a:t> </a:t>
            </a:r>
            <a:r>
              <a:rPr lang="nb-NO" dirty="0" err="1"/>
              <a:t>constantly</a:t>
            </a:r>
            <a:r>
              <a:rPr lang="nb-NO" dirty="0"/>
              <a:t> </a:t>
            </a:r>
            <a:r>
              <a:rPr lang="nb-NO" dirty="0" err="1"/>
              <a:t>develop</a:t>
            </a:r>
            <a:r>
              <a:rPr lang="nb-NO" dirty="0"/>
              <a:t> and </a:t>
            </a:r>
            <a:r>
              <a:rPr lang="nb-NO" dirty="0" err="1"/>
              <a:t>improve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communicating</a:t>
            </a:r>
            <a:r>
              <a:rPr lang="nb-NO" dirty="0"/>
              <a:t> and </a:t>
            </a:r>
            <a:r>
              <a:rPr lang="nb-NO" dirty="0" err="1"/>
              <a:t>collaborating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, </a:t>
            </a:r>
            <a:r>
              <a:rPr lang="nb-NO" dirty="0" err="1"/>
              <a:t>because</a:t>
            </a:r>
            <a:r>
              <a:rPr lang="nb-NO" dirty="0"/>
              <a:t> </a:t>
            </a:r>
            <a:r>
              <a:rPr lang="nb-NO" dirty="0" err="1"/>
              <a:t>these</a:t>
            </a:r>
            <a:r>
              <a:rPr lang="nb-NO" dirty="0"/>
              <a:t> elements </a:t>
            </a:r>
            <a:r>
              <a:rPr lang="nb-NO" dirty="0" err="1"/>
              <a:t>are</a:t>
            </a:r>
            <a:r>
              <a:rPr lang="nb-NO" dirty="0"/>
              <a:t> vital to </a:t>
            </a:r>
            <a:r>
              <a:rPr lang="nb-NO" dirty="0" err="1"/>
              <a:t>succeed</a:t>
            </a:r>
            <a:r>
              <a:rPr lang="nb-NO" dirty="0"/>
              <a:t> in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day</a:t>
            </a:r>
            <a:r>
              <a:rPr lang="nb-NO" dirty="0"/>
              <a:t>-to-</a:t>
            </a:r>
            <a:r>
              <a:rPr lang="nb-NO" dirty="0" err="1"/>
              <a:t>day</a:t>
            </a:r>
            <a:r>
              <a:rPr lang="nb-NO" dirty="0"/>
              <a:t> </a:t>
            </a:r>
            <a:r>
              <a:rPr lang="nb-NO" dirty="0" err="1"/>
              <a:t>operations</a:t>
            </a:r>
            <a:r>
              <a:rPr lang="nb-NO" dirty="0"/>
              <a:t> </a:t>
            </a:r>
            <a:r>
              <a:rPr lang="nb-NO" dirty="0" err="1"/>
              <a:t>both</a:t>
            </a:r>
            <a:r>
              <a:rPr lang="nb-NO" dirty="0"/>
              <a:t> as </a:t>
            </a:r>
            <a:r>
              <a:rPr lang="nb-NO" dirty="0" err="1"/>
              <a:t>developers</a:t>
            </a:r>
            <a:r>
              <a:rPr lang="nb-NO" dirty="0"/>
              <a:t> and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s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. </a:t>
            </a:r>
          </a:p>
          <a:p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try</a:t>
            </a:r>
            <a:r>
              <a:rPr lang="nb-NO" dirty="0"/>
              <a:t> to </a:t>
            </a:r>
            <a:r>
              <a:rPr lang="nb-NO" dirty="0" err="1"/>
              <a:t>realize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 by </a:t>
            </a:r>
            <a:r>
              <a:rPr lang="nb-NO" dirty="0" err="1"/>
              <a:t>staying</a:t>
            </a:r>
            <a:r>
              <a:rPr lang="nb-NO" dirty="0"/>
              <a:t> </a:t>
            </a:r>
            <a:r>
              <a:rPr lang="nb-NO" dirty="0" err="1"/>
              <a:t>updated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, and </a:t>
            </a:r>
            <a:r>
              <a:rPr lang="nb-NO" dirty="0" err="1"/>
              <a:t>utilizing</a:t>
            </a:r>
            <a:r>
              <a:rPr lang="nb-NO" dirty="0"/>
              <a:t> </a:t>
            </a:r>
            <a:r>
              <a:rPr lang="nb-NO" dirty="0" err="1"/>
              <a:t>current</a:t>
            </a:r>
            <a:r>
              <a:rPr lang="nb-NO" dirty="0"/>
              <a:t> state-</a:t>
            </a:r>
            <a:r>
              <a:rPr lang="nb-NO" dirty="0" err="1"/>
              <a:t>of</a:t>
            </a:r>
            <a:r>
              <a:rPr lang="nb-NO" dirty="0"/>
              <a:t>-</a:t>
            </a:r>
            <a:r>
              <a:rPr lang="nb-NO" dirty="0" err="1"/>
              <a:t>the-arrt</a:t>
            </a:r>
            <a:r>
              <a:rPr lang="nb-NO" dirty="0"/>
              <a:t> </a:t>
            </a:r>
            <a:r>
              <a:rPr lang="nb-NO" dirty="0" err="1"/>
              <a:t>tools</a:t>
            </a:r>
            <a:r>
              <a:rPr lang="nb-NO" dirty="0"/>
              <a:t>, </a:t>
            </a:r>
            <a:r>
              <a:rPr lang="nb-NO" dirty="0" err="1"/>
              <a:t>workflows</a:t>
            </a:r>
            <a:r>
              <a:rPr lang="nb-NO" dirty="0"/>
              <a:t> and </a:t>
            </a:r>
            <a:r>
              <a:rPr lang="nb-NO" dirty="0" err="1"/>
              <a:t>technologies</a:t>
            </a:r>
            <a:r>
              <a:rPr lang="nb-NO" dirty="0"/>
              <a:t>, </a:t>
            </a:r>
            <a:r>
              <a:rPr lang="nb-NO" dirty="0" err="1"/>
              <a:t>preferrably</a:t>
            </a:r>
            <a:r>
              <a:rPr lang="nb-NO" dirty="0"/>
              <a:t> </a:t>
            </a:r>
            <a:r>
              <a:rPr lang="nb-NO" dirty="0" err="1"/>
              <a:t>open-source</a:t>
            </a:r>
            <a:r>
              <a:rPr lang="nb-NO" dirty="0"/>
              <a:t>. </a:t>
            </a:r>
          </a:p>
          <a:p>
            <a:endParaRPr lang="nb-NO" dirty="0"/>
          </a:p>
          <a:p>
            <a:r>
              <a:rPr lang="nb-NO" dirty="0" err="1"/>
              <a:t>We</a:t>
            </a:r>
            <a:r>
              <a:rPr lang="nb-NO" dirty="0"/>
              <a:t> have </a:t>
            </a:r>
            <a:r>
              <a:rPr lang="nb-NO" dirty="0" err="1"/>
              <a:t>the</a:t>
            </a:r>
            <a:r>
              <a:rPr lang="nb-NO" dirty="0"/>
              <a:t> SHOP Portal, </a:t>
            </a:r>
            <a:r>
              <a:rPr lang="nb-NO" dirty="0" err="1"/>
              <a:t>which</a:t>
            </a:r>
            <a:r>
              <a:rPr lang="nb-NO" dirty="0"/>
              <a:t> is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main</a:t>
            </a:r>
            <a:r>
              <a:rPr lang="nb-NO" dirty="0"/>
              <a:t>  </a:t>
            </a:r>
            <a:r>
              <a:rPr lang="nb-NO" dirty="0" err="1"/>
              <a:t>interaction</a:t>
            </a:r>
            <a:r>
              <a:rPr lang="nb-NO" dirty="0"/>
              <a:t> </a:t>
            </a:r>
            <a:r>
              <a:rPr lang="nb-NO" dirty="0" err="1"/>
              <a:t>platform</a:t>
            </a:r>
            <a:r>
              <a:rPr lang="nb-NO" dirty="0"/>
              <a:t> for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related</a:t>
            </a:r>
            <a:r>
              <a:rPr lang="nb-NO" dirty="0"/>
              <a:t> to SHOP, </a:t>
            </a:r>
            <a:r>
              <a:rPr lang="nb-NO" dirty="0" err="1"/>
              <a:t>which</a:t>
            </a:r>
            <a:r>
              <a:rPr lang="nb-NO" dirty="0"/>
              <a:t> most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(</a:t>
            </a:r>
            <a:r>
              <a:rPr lang="nb-NO" dirty="0" err="1"/>
              <a:t>hopefully</a:t>
            </a:r>
            <a:r>
              <a:rPr lang="nb-NO" dirty="0"/>
              <a:t>)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faimiliar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by </a:t>
            </a:r>
            <a:r>
              <a:rPr lang="nb-NO" dirty="0" err="1"/>
              <a:t>now</a:t>
            </a:r>
            <a:r>
              <a:rPr lang="nb-NO" dirty="0"/>
              <a:t>. O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user-based</a:t>
            </a:r>
            <a:r>
              <a:rPr lang="nb-NO" dirty="0"/>
              <a:t> web </a:t>
            </a:r>
            <a:r>
              <a:rPr lang="nb-NO" dirty="0" err="1"/>
              <a:t>platform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related</a:t>
            </a:r>
            <a:r>
              <a:rPr lang="nb-NO" dirty="0"/>
              <a:t> to SHOP </a:t>
            </a:r>
            <a:r>
              <a:rPr lang="nb-NO" dirty="0" err="1"/>
              <a:t>such</a:t>
            </a:r>
            <a:r>
              <a:rPr lang="nb-NO" dirty="0"/>
              <a:t> as </a:t>
            </a:r>
            <a:r>
              <a:rPr lang="nb-NO" dirty="0" err="1"/>
              <a:t>news</a:t>
            </a:r>
            <a:r>
              <a:rPr lang="nb-NO" dirty="0"/>
              <a:t>, </a:t>
            </a:r>
            <a:r>
              <a:rPr lang="nb-NO" dirty="0" err="1"/>
              <a:t>releases</a:t>
            </a:r>
            <a:r>
              <a:rPr lang="nb-NO" dirty="0"/>
              <a:t>, </a:t>
            </a:r>
            <a:r>
              <a:rPr lang="nb-NO" dirty="0" err="1"/>
              <a:t>documentation</a:t>
            </a:r>
            <a:r>
              <a:rPr lang="nb-NO" dirty="0"/>
              <a:t> and videos,, and </a:t>
            </a:r>
            <a:r>
              <a:rPr lang="nb-NO" dirty="0" err="1"/>
              <a:t>you</a:t>
            </a:r>
            <a:r>
              <a:rPr lang="nb-NO" dirty="0"/>
              <a:t> have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possibility</a:t>
            </a:r>
            <a:r>
              <a:rPr lang="nb-NO" dirty="0"/>
              <a:t> to </a:t>
            </a:r>
            <a:r>
              <a:rPr lang="nb-NO" dirty="0" err="1"/>
              <a:t>engag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us</a:t>
            </a:r>
            <a:r>
              <a:rPr lang="nb-NO" dirty="0"/>
              <a:t> at SINTEF Energy, </a:t>
            </a:r>
            <a:r>
              <a:rPr lang="nb-NO" dirty="0" err="1"/>
              <a:t>but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othe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model</a:t>
            </a:r>
            <a:r>
              <a:rPr lang="nb-NO" dirty="0"/>
              <a:t>, in </a:t>
            </a:r>
            <a:r>
              <a:rPr lang="nb-NO" dirty="0" err="1"/>
              <a:t>numerou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discussion</a:t>
            </a:r>
            <a:r>
              <a:rPr lang="nb-NO" dirty="0"/>
              <a:t> forums, </a:t>
            </a:r>
            <a:r>
              <a:rPr lang="nb-NO" dirty="0" err="1"/>
              <a:t>ticket</a:t>
            </a:r>
            <a:r>
              <a:rPr lang="nb-NO" dirty="0"/>
              <a:t> systems and </a:t>
            </a:r>
            <a:r>
              <a:rPr lang="nb-NO" dirty="0" err="1"/>
              <a:t>project</a:t>
            </a:r>
            <a:r>
              <a:rPr lang="nb-NO" dirty="0"/>
              <a:t> </a:t>
            </a:r>
            <a:r>
              <a:rPr lang="nb-NO" dirty="0" err="1"/>
              <a:t>collaborations</a:t>
            </a:r>
            <a:r>
              <a:rPr lang="nb-NO" dirty="0"/>
              <a:t>,</a:t>
            </a:r>
          </a:p>
          <a:p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Last </a:t>
            </a:r>
            <a:r>
              <a:rPr lang="nb-NO" dirty="0" err="1"/>
              <a:t>year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introduced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Lab,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enabled</a:t>
            </a:r>
            <a:r>
              <a:rPr lang="nb-NO" dirty="0"/>
              <a:t> all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to run SHOP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loud</a:t>
            </a:r>
            <a:r>
              <a:rPr lang="nb-NO" dirty="0"/>
              <a:t> via </a:t>
            </a:r>
            <a:r>
              <a:rPr lang="nb-NO" dirty="0" err="1"/>
              <a:t>our</a:t>
            </a:r>
            <a:r>
              <a:rPr lang="nb-NO" dirty="0"/>
              <a:t> portal, by </a:t>
            </a:r>
            <a:r>
              <a:rPr lang="nb-NO" dirty="0" err="1"/>
              <a:t>utiliz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API and </a:t>
            </a:r>
            <a:r>
              <a:rPr lang="nb-NO" dirty="0" err="1"/>
              <a:t>pyshop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Jupyterlab</a:t>
            </a:r>
            <a:r>
              <a:rPr lang="nb-NO" dirty="0"/>
              <a:t> and </a:t>
            </a:r>
            <a:r>
              <a:rPr lang="nb-NO" dirty="0" err="1"/>
              <a:t>Jupyter</a:t>
            </a:r>
            <a:r>
              <a:rPr lang="nb-NO" dirty="0"/>
              <a:t> </a:t>
            </a:r>
            <a:r>
              <a:rPr lang="nb-NO" dirty="0" err="1"/>
              <a:t>notebooks</a:t>
            </a:r>
            <a:r>
              <a:rPr lang="nb-NO" dirty="0"/>
              <a:t>. By logging </a:t>
            </a:r>
            <a:r>
              <a:rPr lang="nb-NO" dirty="0" err="1"/>
              <a:t>into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Lab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had</a:t>
            </a:r>
            <a:r>
              <a:rPr lang="nb-NO" dirty="0"/>
              <a:t>, in </a:t>
            </a:r>
            <a:r>
              <a:rPr lang="nb-NO" dirty="0" err="1"/>
              <a:t>seconds</a:t>
            </a:r>
            <a:r>
              <a:rPr lang="nb-NO" dirty="0"/>
              <a:t>, a </a:t>
            </a:r>
            <a:r>
              <a:rPr lang="nb-NO" dirty="0" err="1"/>
              <a:t>fully</a:t>
            </a:r>
            <a:r>
              <a:rPr lang="nb-NO" dirty="0"/>
              <a:t> </a:t>
            </a:r>
            <a:r>
              <a:rPr lang="nb-NO" dirty="0" err="1"/>
              <a:t>working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pre-</a:t>
            </a:r>
            <a:r>
              <a:rPr lang="nb-NO" dirty="0" err="1"/>
              <a:t>deployed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SHOP and </a:t>
            </a:r>
            <a:r>
              <a:rPr lang="nb-NO" dirty="0" err="1"/>
              <a:t>executabl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, providing an </a:t>
            </a:r>
            <a:r>
              <a:rPr lang="nb-NO" dirty="0" err="1"/>
              <a:t>interactive</a:t>
            </a:r>
            <a:r>
              <a:rPr lang="nb-NO" dirty="0"/>
              <a:t> and </a:t>
            </a:r>
            <a:r>
              <a:rPr lang="nb-NO" dirty="0" err="1"/>
              <a:t>collaborative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working</a:t>
            </a:r>
            <a:r>
              <a:rPr lang="nb-NO" dirty="0"/>
              <a:t> </a:t>
            </a:r>
            <a:r>
              <a:rPr lang="nb-NO" dirty="0" err="1"/>
              <a:t>together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actual</a:t>
            </a:r>
            <a:r>
              <a:rPr lang="nb-NO" dirty="0"/>
              <a:t> </a:t>
            </a:r>
            <a:r>
              <a:rPr lang="nb-NO" dirty="0" err="1"/>
              <a:t>code</a:t>
            </a:r>
            <a:r>
              <a:rPr lang="nb-NO" dirty="0"/>
              <a:t>. The SHOP Portal and SHOP Lab has </a:t>
            </a:r>
            <a:r>
              <a:rPr lang="nb-NO" dirty="0" err="1"/>
              <a:t>been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welcome</a:t>
            </a:r>
            <a:r>
              <a:rPr lang="nb-NO" dirty="0"/>
              <a:t> </a:t>
            </a:r>
            <a:r>
              <a:rPr lang="nb-NO" dirty="0" err="1"/>
              <a:t>both</a:t>
            </a:r>
            <a:r>
              <a:rPr lang="nb-NO" dirty="0"/>
              <a:t> by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and for </a:t>
            </a:r>
            <a:r>
              <a:rPr lang="nb-NO" dirty="0" err="1"/>
              <a:t>ourselves</a:t>
            </a:r>
            <a:r>
              <a:rPr lang="nb-NO" dirty="0"/>
              <a:t>, </a:t>
            </a:r>
            <a:r>
              <a:rPr lang="nb-NO" dirty="0" err="1"/>
              <a:t>improving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daily</a:t>
            </a:r>
            <a:r>
              <a:rPr lang="nb-NO" dirty="0"/>
              <a:t> </a:t>
            </a:r>
            <a:r>
              <a:rPr lang="nb-NO" dirty="0" err="1"/>
              <a:t>workflow</a:t>
            </a:r>
            <a:r>
              <a:rPr lang="nb-NO" dirty="0"/>
              <a:t> and </a:t>
            </a:r>
            <a:r>
              <a:rPr lang="nb-NO" dirty="0" err="1"/>
              <a:t>enabling</a:t>
            </a:r>
            <a:r>
              <a:rPr lang="nb-NO" dirty="0"/>
              <a:t> </a:t>
            </a:r>
            <a:r>
              <a:rPr lang="nb-NO" dirty="0" err="1"/>
              <a:t>us</a:t>
            </a:r>
            <a:r>
              <a:rPr lang="nb-NO" dirty="0"/>
              <a:t> to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closer</a:t>
            </a:r>
            <a:r>
              <a:rPr lang="nb-NO" dirty="0"/>
              <a:t> </a:t>
            </a:r>
            <a:r>
              <a:rPr lang="nb-NO" dirty="0" err="1"/>
              <a:t>together</a:t>
            </a:r>
            <a:r>
              <a:rPr lang="nb-NO" dirty="0"/>
              <a:t>, </a:t>
            </a:r>
            <a:r>
              <a:rPr lang="nb-NO" dirty="0" err="1"/>
              <a:t>internally</a:t>
            </a:r>
            <a:r>
              <a:rPr lang="nb-NO" dirty="0"/>
              <a:t> and </a:t>
            </a:r>
            <a:r>
              <a:rPr lang="nb-NO" dirty="0" err="1"/>
              <a:t>externally</a:t>
            </a:r>
            <a:r>
              <a:rPr lang="nb-NO" dirty="0"/>
              <a:t>. </a:t>
            </a:r>
            <a:r>
              <a:rPr lang="nb-NO" dirty="0" err="1"/>
              <a:t>However</a:t>
            </a:r>
            <a:r>
              <a:rPr lang="nb-NO" dirty="0"/>
              <a:t>, as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many</a:t>
            </a:r>
            <a:r>
              <a:rPr lang="nb-NO" dirty="0"/>
              <a:t> first-</a:t>
            </a:r>
            <a:r>
              <a:rPr lang="nb-NO" dirty="0" err="1"/>
              <a:t>deployments</a:t>
            </a:r>
            <a:r>
              <a:rPr lang="nb-NO" dirty="0"/>
              <a:t> and </a:t>
            </a:r>
            <a:r>
              <a:rPr lang="nb-NO" dirty="0" err="1"/>
              <a:t>implementations</a:t>
            </a:r>
            <a:r>
              <a:rPr lang="nb-NO" dirty="0"/>
              <a:t>, </a:t>
            </a:r>
            <a:r>
              <a:rPr lang="nb-NO" dirty="0" err="1"/>
              <a:t>they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be </a:t>
            </a:r>
            <a:r>
              <a:rPr lang="nb-NO" dirty="0" err="1"/>
              <a:t>improved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it </a:t>
            </a:r>
            <a:r>
              <a:rPr lang="nb-NO" dirty="0" err="1"/>
              <a:t>comes</a:t>
            </a:r>
            <a:r>
              <a:rPr lang="nb-NO" dirty="0"/>
              <a:t> to </a:t>
            </a:r>
            <a:r>
              <a:rPr lang="nb-NO" dirty="0" err="1"/>
              <a:t>maintenance</a:t>
            </a:r>
            <a:r>
              <a:rPr lang="nb-NO" dirty="0"/>
              <a:t>, </a:t>
            </a:r>
            <a:r>
              <a:rPr lang="nb-NO" dirty="0" err="1"/>
              <a:t>consistancy</a:t>
            </a:r>
            <a:r>
              <a:rPr lang="nb-NO" dirty="0"/>
              <a:t>, </a:t>
            </a:r>
            <a:r>
              <a:rPr lang="nb-NO" dirty="0" err="1"/>
              <a:t>durability</a:t>
            </a:r>
            <a:r>
              <a:rPr lang="nb-NO" dirty="0"/>
              <a:t> and </a:t>
            </a:r>
            <a:r>
              <a:rPr lang="nb-NO" dirty="0" err="1"/>
              <a:t>scalability</a:t>
            </a:r>
            <a:r>
              <a:rPr lang="nb-NO" dirty="0"/>
              <a:t>. So, </a:t>
            </a:r>
            <a:r>
              <a:rPr lang="nb-NO" dirty="0" err="1"/>
              <a:t>naturally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</a:t>
            </a:r>
            <a:r>
              <a:rPr lang="nb-NO" dirty="0" err="1"/>
              <a:t>take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 to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next</a:t>
            </a:r>
            <a:r>
              <a:rPr lang="nb-NO" dirty="0"/>
              <a:t> </a:t>
            </a:r>
            <a:r>
              <a:rPr lang="nb-NO" dirty="0" err="1"/>
              <a:t>level</a:t>
            </a:r>
            <a:r>
              <a:rPr lang="nb-NO" dirty="0"/>
              <a:t>, and do it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future</a:t>
            </a:r>
            <a:r>
              <a:rPr lang="nb-NO" dirty="0"/>
              <a:t> </a:t>
            </a:r>
            <a:r>
              <a:rPr lang="nb-NO" dirty="0" err="1"/>
              <a:t>proof</a:t>
            </a:r>
            <a:r>
              <a:rPr lang="nb-NO" dirty="0"/>
              <a:t> right </a:t>
            </a:r>
            <a:r>
              <a:rPr lang="nb-NO" dirty="0" err="1"/>
              <a:t>way</a:t>
            </a:r>
            <a:r>
              <a:rPr lang="nb-NO" dirty="0"/>
              <a:t>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416563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Here at </a:t>
            </a:r>
            <a:r>
              <a:rPr lang="nb-NO" dirty="0" err="1"/>
              <a:t>the</a:t>
            </a:r>
            <a:r>
              <a:rPr lang="nb-NO" dirty="0"/>
              <a:t> SHOP team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im</a:t>
            </a:r>
            <a:r>
              <a:rPr lang="nb-NO" dirty="0"/>
              <a:t> </a:t>
            </a:r>
            <a:r>
              <a:rPr lang="nb-NO" dirty="0" err="1"/>
              <a:t>towards</a:t>
            </a:r>
            <a:r>
              <a:rPr lang="nb-NO" dirty="0"/>
              <a:t> </a:t>
            </a:r>
            <a:r>
              <a:rPr lang="nb-NO" dirty="0" err="1"/>
              <a:t>constantly</a:t>
            </a:r>
            <a:r>
              <a:rPr lang="nb-NO" dirty="0"/>
              <a:t> </a:t>
            </a:r>
            <a:r>
              <a:rPr lang="nb-NO" dirty="0" err="1"/>
              <a:t>develop</a:t>
            </a:r>
            <a:r>
              <a:rPr lang="nb-NO" dirty="0"/>
              <a:t> and </a:t>
            </a:r>
            <a:r>
              <a:rPr lang="nb-NO" dirty="0" err="1"/>
              <a:t>improve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communicating</a:t>
            </a:r>
            <a:r>
              <a:rPr lang="nb-NO" dirty="0"/>
              <a:t> and </a:t>
            </a:r>
            <a:r>
              <a:rPr lang="nb-NO" dirty="0" err="1"/>
              <a:t>collaborating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, </a:t>
            </a:r>
            <a:r>
              <a:rPr lang="nb-NO" dirty="0" err="1"/>
              <a:t>because</a:t>
            </a:r>
            <a:r>
              <a:rPr lang="nb-NO" dirty="0"/>
              <a:t> </a:t>
            </a:r>
            <a:r>
              <a:rPr lang="nb-NO" dirty="0" err="1"/>
              <a:t>these</a:t>
            </a:r>
            <a:r>
              <a:rPr lang="nb-NO" dirty="0"/>
              <a:t> elements </a:t>
            </a:r>
            <a:r>
              <a:rPr lang="nb-NO" dirty="0" err="1"/>
              <a:t>are</a:t>
            </a:r>
            <a:r>
              <a:rPr lang="nb-NO" dirty="0"/>
              <a:t> vital to </a:t>
            </a:r>
            <a:r>
              <a:rPr lang="nb-NO" dirty="0" err="1"/>
              <a:t>succeed</a:t>
            </a:r>
            <a:r>
              <a:rPr lang="nb-NO" dirty="0"/>
              <a:t> in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day</a:t>
            </a:r>
            <a:r>
              <a:rPr lang="nb-NO" dirty="0"/>
              <a:t>-to-</a:t>
            </a:r>
            <a:r>
              <a:rPr lang="nb-NO" dirty="0" err="1"/>
              <a:t>day</a:t>
            </a:r>
            <a:r>
              <a:rPr lang="nb-NO" dirty="0"/>
              <a:t> </a:t>
            </a:r>
            <a:r>
              <a:rPr lang="nb-NO" dirty="0" err="1"/>
              <a:t>operations</a:t>
            </a:r>
            <a:r>
              <a:rPr lang="nb-NO" dirty="0"/>
              <a:t> </a:t>
            </a:r>
            <a:r>
              <a:rPr lang="nb-NO" dirty="0" err="1"/>
              <a:t>both</a:t>
            </a:r>
            <a:r>
              <a:rPr lang="nb-NO" dirty="0"/>
              <a:t> as </a:t>
            </a:r>
            <a:r>
              <a:rPr lang="nb-NO" dirty="0" err="1"/>
              <a:t>developers</a:t>
            </a:r>
            <a:r>
              <a:rPr lang="nb-NO" dirty="0"/>
              <a:t> and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s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. </a:t>
            </a:r>
          </a:p>
          <a:p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try</a:t>
            </a:r>
            <a:r>
              <a:rPr lang="nb-NO" dirty="0"/>
              <a:t> to </a:t>
            </a:r>
            <a:r>
              <a:rPr lang="nb-NO" dirty="0" err="1"/>
              <a:t>realize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 by </a:t>
            </a:r>
            <a:r>
              <a:rPr lang="nb-NO" dirty="0" err="1"/>
              <a:t>staying</a:t>
            </a:r>
            <a:r>
              <a:rPr lang="nb-NO" dirty="0"/>
              <a:t> </a:t>
            </a:r>
            <a:r>
              <a:rPr lang="nb-NO" dirty="0" err="1"/>
              <a:t>updated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, and </a:t>
            </a:r>
            <a:r>
              <a:rPr lang="nb-NO" dirty="0" err="1"/>
              <a:t>utilizing</a:t>
            </a:r>
            <a:r>
              <a:rPr lang="nb-NO" dirty="0"/>
              <a:t> </a:t>
            </a:r>
            <a:r>
              <a:rPr lang="nb-NO" dirty="0" err="1"/>
              <a:t>current</a:t>
            </a:r>
            <a:r>
              <a:rPr lang="nb-NO" dirty="0"/>
              <a:t> state-</a:t>
            </a:r>
            <a:r>
              <a:rPr lang="nb-NO" dirty="0" err="1"/>
              <a:t>of</a:t>
            </a:r>
            <a:r>
              <a:rPr lang="nb-NO" dirty="0"/>
              <a:t>-</a:t>
            </a:r>
            <a:r>
              <a:rPr lang="nb-NO" dirty="0" err="1"/>
              <a:t>the-arrt</a:t>
            </a:r>
            <a:r>
              <a:rPr lang="nb-NO" dirty="0"/>
              <a:t> </a:t>
            </a:r>
            <a:r>
              <a:rPr lang="nb-NO" dirty="0" err="1"/>
              <a:t>tools</a:t>
            </a:r>
            <a:r>
              <a:rPr lang="nb-NO" dirty="0"/>
              <a:t>, </a:t>
            </a:r>
            <a:r>
              <a:rPr lang="nb-NO" dirty="0" err="1"/>
              <a:t>workflows</a:t>
            </a:r>
            <a:r>
              <a:rPr lang="nb-NO" dirty="0"/>
              <a:t> and </a:t>
            </a:r>
            <a:r>
              <a:rPr lang="nb-NO" dirty="0" err="1"/>
              <a:t>technologies</a:t>
            </a:r>
            <a:r>
              <a:rPr lang="nb-NO" dirty="0"/>
              <a:t>, </a:t>
            </a:r>
            <a:r>
              <a:rPr lang="nb-NO" dirty="0" err="1"/>
              <a:t>preferrably</a:t>
            </a:r>
            <a:r>
              <a:rPr lang="nb-NO" dirty="0"/>
              <a:t> </a:t>
            </a:r>
            <a:r>
              <a:rPr lang="nb-NO" dirty="0" err="1"/>
              <a:t>open-source</a:t>
            </a:r>
            <a:r>
              <a:rPr lang="nb-NO" dirty="0"/>
              <a:t>. </a:t>
            </a:r>
          </a:p>
          <a:p>
            <a:endParaRPr lang="nb-NO" dirty="0"/>
          </a:p>
          <a:p>
            <a:r>
              <a:rPr lang="nb-NO" dirty="0" err="1"/>
              <a:t>We</a:t>
            </a:r>
            <a:r>
              <a:rPr lang="nb-NO" dirty="0"/>
              <a:t> have </a:t>
            </a:r>
            <a:r>
              <a:rPr lang="nb-NO" dirty="0" err="1"/>
              <a:t>the</a:t>
            </a:r>
            <a:r>
              <a:rPr lang="nb-NO" dirty="0"/>
              <a:t> SHOP Portal, </a:t>
            </a:r>
            <a:r>
              <a:rPr lang="nb-NO" dirty="0" err="1"/>
              <a:t>which</a:t>
            </a:r>
            <a:r>
              <a:rPr lang="nb-NO" dirty="0"/>
              <a:t> is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main</a:t>
            </a:r>
            <a:r>
              <a:rPr lang="nb-NO" dirty="0"/>
              <a:t>  </a:t>
            </a:r>
            <a:r>
              <a:rPr lang="nb-NO" dirty="0" err="1"/>
              <a:t>interaction</a:t>
            </a:r>
            <a:r>
              <a:rPr lang="nb-NO" dirty="0"/>
              <a:t> </a:t>
            </a:r>
            <a:r>
              <a:rPr lang="nb-NO" dirty="0" err="1"/>
              <a:t>platform</a:t>
            </a:r>
            <a:r>
              <a:rPr lang="nb-NO" dirty="0"/>
              <a:t> for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related</a:t>
            </a:r>
            <a:r>
              <a:rPr lang="nb-NO" dirty="0"/>
              <a:t> to SHOP, </a:t>
            </a:r>
            <a:r>
              <a:rPr lang="nb-NO" dirty="0" err="1"/>
              <a:t>which</a:t>
            </a:r>
            <a:r>
              <a:rPr lang="nb-NO" dirty="0"/>
              <a:t> most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(</a:t>
            </a:r>
            <a:r>
              <a:rPr lang="nb-NO" dirty="0" err="1"/>
              <a:t>hopefully</a:t>
            </a:r>
            <a:r>
              <a:rPr lang="nb-NO" dirty="0"/>
              <a:t>)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faimiliar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by </a:t>
            </a:r>
            <a:r>
              <a:rPr lang="nb-NO" dirty="0" err="1"/>
              <a:t>now</a:t>
            </a:r>
            <a:r>
              <a:rPr lang="nb-NO" dirty="0"/>
              <a:t>. O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user-based</a:t>
            </a:r>
            <a:r>
              <a:rPr lang="nb-NO" dirty="0"/>
              <a:t> web </a:t>
            </a:r>
            <a:r>
              <a:rPr lang="nb-NO" dirty="0" err="1"/>
              <a:t>platform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related</a:t>
            </a:r>
            <a:r>
              <a:rPr lang="nb-NO" dirty="0"/>
              <a:t> to SHOP </a:t>
            </a:r>
            <a:r>
              <a:rPr lang="nb-NO" dirty="0" err="1"/>
              <a:t>such</a:t>
            </a:r>
            <a:r>
              <a:rPr lang="nb-NO" dirty="0"/>
              <a:t> as </a:t>
            </a:r>
            <a:r>
              <a:rPr lang="nb-NO" dirty="0" err="1"/>
              <a:t>news</a:t>
            </a:r>
            <a:r>
              <a:rPr lang="nb-NO" dirty="0"/>
              <a:t>, </a:t>
            </a:r>
            <a:r>
              <a:rPr lang="nb-NO" dirty="0" err="1"/>
              <a:t>releases</a:t>
            </a:r>
            <a:r>
              <a:rPr lang="nb-NO" dirty="0"/>
              <a:t>, </a:t>
            </a:r>
            <a:r>
              <a:rPr lang="nb-NO" dirty="0" err="1"/>
              <a:t>documentation</a:t>
            </a:r>
            <a:r>
              <a:rPr lang="nb-NO" dirty="0"/>
              <a:t> and videos,, and </a:t>
            </a:r>
            <a:r>
              <a:rPr lang="nb-NO" dirty="0" err="1"/>
              <a:t>you</a:t>
            </a:r>
            <a:r>
              <a:rPr lang="nb-NO" dirty="0"/>
              <a:t> have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possibility</a:t>
            </a:r>
            <a:r>
              <a:rPr lang="nb-NO" dirty="0"/>
              <a:t> to </a:t>
            </a:r>
            <a:r>
              <a:rPr lang="nb-NO" dirty="0" err="1"/>
              <a:t>engag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us</a:t>
            </a:r>
            <a:r>
              <a:rPr lang="nb-NO" dirty="0"/>
              <a:t> at SINTEF Energy, </a:t>
            </a:r>
            <a:r>
              <a:rPr lang="nb-NO" dirty="0" err="1"/>
              <a:t>but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othe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model</a:t>
            </a:r>
            <a:r>
              <a:rPr lang="nb-NO" dirty="0"/>
              <a:t>, in </a:t>
            </a:r>
            <a:r>
              <a:rPr lang="nb-NO" dirty="0" err="1"/>
              <a:t>numerou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discussion</a:t>
            </a:r>
            <a:r>
              <a:rPr lang="nb-NO" dirty="0"/>
              <a:t> forums, </a:t>
            </a:r>
            <a:r>
              <a:rPr lang="nb-NO" dirty="0" err="1"/>
              <a:t>ticket</a:t>
            </a:r>
            <a:r>
              <a:rPr lang="nb-NO" dirty="0"/>
              <a:t> systems and </a:t>
            </a:r>
            <a:r>
              <a:rPr lang="nb-NO" dirty="0" err="1"/>
              <a:t>project</a:t>
            </a:r>
            <a:r>
              <a:rPr lang="nb-NO" dirty="0"/>
              <a:t> </a:t>
            </a:r>
            <a:r>
              <a:rPr lang="nb-NO" dirty="0" err="1"/>
              <a:t>collaborations</a:t>
            </a:r>
            <a:r>
              <a:rPr lang="nb-NO" dirty="0"/>
              <a:t>,</a:t>
            </a:r>
          </a:p>
          <a:p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Last </a:t>
            </a:r>
            <a:r>
              <a:rPr lang="nb-NO" dirty="0" err="1"/>
              <a:t>year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introduced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Lab,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enabled</a:t>
            </a:r>
            <a:r>
              <a:rPr lang="nb-NO" dirty="0"/>
              <a:t> all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to run SHOP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loud</a:t>
            </a:r>
            <a:r>
              <a:rPr lang="nb-NO" dirty="0"/>
              <a:t> via </a:t>
            </a:r>
            <a:r>
              <a:rPr lang="nb-NO" dirty="0" err="1"/>
              <a:t>our</a:t>
            </a:r>
            <a:r>
              <a:rPr lang="nb-NO" dirty="0"/>
              <a:t> portal, by </a:t>
            </a:r>
            <a:r>
              <a:rPr lang="nb-NO" dirty="0" err="1"/>
              <a:t>utiliz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API and </a:t>
            </a:r>
            <a:r>
              <a:rPr lang="nb-NO" dirty="0" err="1"/>
              <a:t>pyshop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Jupyterlab</a:t>
            </a:r>
            <a:r>
              <a:rPr lang="nb-NO" dirty="0"/>
              <a:t> and </a:t>
            </a:r>
            <a:r>
              <a:rPr lang="nb-NO" dirty="0" err="1"/>
              <a:t>Jupyter</a:t>
            </a:r>
            <a:r>
              <a:rPr lang="nb-NO" dirty="0"/>
              <a:t> </a:t>
            </a:r>
            <a:r>
              <a:rPr lang="nb-NO" dirty="0" err="1"/>
              <a:t>notebooks</a:t>
            </a:r>
            <a:r>
              <a:rPr lang="nb-NO" dirty="0"/>
              <a:t>. By logging </a:t>
            </a:r>
            <a:r>
              <a:rPr lang="nb-NO" dirty="0" err="1"/>
              <a:t>into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Lab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had</a:t>
            </a:r>
            <a:r>
              <a:rPr lang="nb-NO" dirty="0"/>
              <a:t>, in </a:t>
            </a:r>
            <a:r>
              <a:rPr lang="nb-NO" dirty="0" err="1"/>
              <a:t>seconds</a:t>
            </a:r>
            <a:r>
              <a:rPr lang="nb-NO" dirty="0"/>
              <a:t>, a </a:t>
            </a:r>
            <a:r>
              <a:rPr lang="nb-NO" dirty="0" err="1"/>
              <a:t>fully</a:t>
            </a:r>
            <a:r>
              <a:rPr lang="nb-NO" dirty="0"/>
              <a:t> </a:t>
            </a:r>
            <a:r>
              <a:rPr lang="nb-NO" dirty="0" err="1"/>
              <a:t>working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pre-</a:t>
            </a:r>
            <a:r>
              <a:rPr lang="nb-NO" dirty="0" err="1"/>
              <a:t>deployed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SHOP and </a:t>
            </a:r>
            <a:r>
              <a:rPr lang="nb-NO" dirty="0" err="1"/>
              <a:t>executabl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, providing an </a:t>
            </a:r>
            <a:r>
              <a:rPr lang="nb-NO" dirty="0" err="1"/>
              <a:t>interactive</a:t>
            </a:r>
            <a:r>
              <a:rPr lang="nb-NO" dirty="0"/>
              <a:t> and </a:t>
            </a:r>
            <a:r>
              <a:rPr lang="nb-NO" dirty="0" err="1"/>
              <a:t>collaborative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working</a:t>
            </a:r>
            <a:r>
              <a:rPr lang="nb-NO" dirty="0"/>
              <a:t> </a:t>
            </a:r>
            <a:r>
              <a:rPr lang="nb-NO" dirty="0" err="1"/>
              <a:t>together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actual</a:t>
            </a:r>
            <a:r>
              <a:rPr lang="nb-NO" dirty="0"/>
              <a:t> </a:t>
            </a:r>
            <a:r>
              <a:rPr lang="nb-NO" dirty="0" err="1"/>
              <a:t>code</a:t>
            </a:r>
            <a:r>
              <a:rPr lang="nb-NO" dirty="0"/>
              <a:t>. The SHOP Portal and SHOP Lab has </a:t>
            </a:r>
            <a:r>
              <a:rPr lang="nb-NO" dirty="0" err="1"/>
              <a:t>been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welcome</a:t>
            </a:r>
            <a:r>
              <a:rPr lang="nb-NO" dirty="0"/>
              <a:t> </a:t>
            </a:r>
            <a:r>
              <a:rPr lang="nb-NO" dirty="0" err="1"/>
              <a:t>both</a:t>
            </a:r>
            <a:r>
              <a:rPr lang="nb-NO" dirty="0"/>
              <a:t> by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and for </a:t>
            </a:r>
            <a:r>
              <a:rPr lang="nb-NO" dirty="0" err="1"/>
              <a:t>ourselves</a:t>
            </a:r>
            <a:r>
              <a:rPr lang="nb-NO" dirty="0"/>
              <a:t>, </a:t>
            </a:r>
            <a:r>
              <a:rPr lang="nb-NO" dirty="0" err="1"/>
              <a:t>improving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daily</a:t>
            </a:r>
            <a:r>
              <a:rPr lang="nb-NO" dirty="0"/>
              <a:t> </a:t>
            </a:r>
            <a:r>
              <a:rPr lang="nb-NO" dirty="0" err="1"/>
              <a:t>workflow</a:t>
            </a:r>
            <a:r>
              <a:rPr lang="nb-NO" dirty="0"/>
              <a:t> and </a:t>
            </a:r>
            <a:r>
              <a:rPr lang="nb-NO" dirty="0" err="1"/>
              <a:t>enabling</a:t>
            </a:r>
            <a:r>
              <a:rPr lang="nb-NO" dirty="0"/>
              <a:t> </a:t>
            </a:r>
            <a:r>
              <a:rPr lang="nb-NO" dirty="0" err="1"/>
              <a:t>us</a:t>
            </a:r>
            <a:r>
              <a:rPr lang="nb-NO" dirty="0"/>
              <a:t> to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closer</a:t>
            </a:r>
            <a:r>
              <a:rPr lang="nb-NO" dirty="0"/>
              <a:t> </a:t>
            </a:r>
            <a:r>
              <a:rPr lang="nb-NO" dirty="0" err="1"/>
              <a:t>together</a:t>
            </a:r>
            <a:r>
              <a:rPr lang="nb-NO" dirty="0"/>
              <a:t>, </a:t>
            </a:r>
            <a:r>
              <a:rPr lang="nb-NO" dirty="0" err="1"/>
              <a:t>internally</a:t>
            </a:r>
            <a:r>
              <a:rPr lang="nb-NO" dirty="0"/>
              <a:t> and </a:t>
            </a:r>
            <a:r>
              <a:rPr lang="nb-NO" dirty="0" err="1"/>
              <a:t>externally</a:t>
            </a:r>
            <a:r>
              <a:rPr lang="nb-NO" dirty="0"/>
              <a:t>. </a:t>
            </a:r>
            <a:r>
              <a:rPr lang="nb-NO" dirty="0" err="1"/>
              <a:t>However</a:t>
            </a:r>
            <a:r>
              <a:rPr lang="nb-NO" dirty="0"/>
              <a:t>, as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many</a:t>
            </a:r>
            <a:r>
              <a:rPr lang="nb-NO" dirty="0"/>
              <a:t> first-</a:t>
            </a:r>
            <a:r>
              <a:rPr lang="nb-NO" dirty="0" err="1"/>
              <a:t>deployments</a:t>
            </a:r>
            <a:r>
              <a:rPr lang="nb-NO" dirty="0"/>
              <a:t> and </a:t>
            </a:r>
            <a:r>
              <a:rPr lang="nb-NO" dirty="0" err="1"/>
              <a:t>implementations</a:t>
            </a:r>
            <a:r>
              <a:rPr lang="nb-NO" dirty="0"/>
              <a:t>, </a:t>
            </a:r>
            <a:r>
              <a:rPr lang="nb-NO" dirty="0" err="1"/>
              <a:t>they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be </a:t>
            </a:r>
            <a:r>
              <a:rPr lang="nb-NO" dirty="0" err="1"/>
              <a:t>improved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it </a:t>
            </a:r>
            <a:r>
              <a:rPr lang="nb-NO" dirty="0" err="1"/>
              <a:t>comes</a:t>
            </a:r>
            <a:r>
              <a:rPr lang="nb-NO" dirty="0"/>
              <a:t> to </a:t>
            </a:r>
            <a:r>
              <a:rPr lang="nb-NO" dirty="0" err="1"/>
              <a:t>maintenance</a:t>
            </a:r>
            <a:r>
              <a:rPr lang="nb-NO" dirty="0"/>
              <a:t>, </a:t>
            </a:r>
            <a:r>
              <a:rPr lang="nb-NO" dirty="0" err="1"/>
              <a:t>consistancy</a:t>
            </a:r>
            <a:r>
              <a:rPr lang="nb-NO" dirty="0"/>
              <a:t>, </a:t>
            </a:r>
            <a:r>
              <a:rPr lang="nb-NO" dirty="0" err="1"/>
              <a:t>durability</a:t>
            </a:r>
            <a:r>
              <a:rPr lang="nb-NO" dirty="0"/>
              <a:t> and </a:t>
            </a:r>
            <a:r>
              <a:rPr lang="nb-NO" dirty="0" err="1"/>
              <a:t>scalability</a:t>
            </a:r>
            <a:r>
              <a:rPr lang="nb-NO" dirty="0"/>
              <a:t>. So, </a:t>
            </a:r>
            <a:r>
              <a:rPr lang="nb-NO" dirty="0" err="1"/>
              <a:t>naturally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</a:t>
            </a:r>
            <a:r>
              <a:rPr lang="nb-NO" dirty="0" err="1"/>
              <a:t>take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 to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next</a:t>
            </a:r>
            <a:r>
              <a:rPr lang="nb-NO" dirty="0"/>
              <a:t> </a:t>
            </a:r>
            <a:r>
              <a:rPr lang="nb-NO" dirty="0" err="1"/>
              <a:t>level</a:t>
            </a:r>
            <a:r>
              <a:rPr lang="nb-NO" dirty="0"/>
              <a:t>, and do it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future</a:t>
            </a:r>
            <a:r>
              <a:rPr lang="nb-NO" dirty="0"/>
              <a:t> </a:t>
            </a:r>
            <a:r>
              <a:rPr lang="nb-NO" dirty="0" err="1"/>
              <a:t>proof</a:t>
            </a:r>
            <a:r>
              <a:rPr lang="nb-NO" dirty="0"/>
              <a:t> right </a:t>
            </a:r>
            <a:r>
              <a:rPr lang="nb-NO" dirty="0" err="1"/>
              <a:t>way</a:t>
            </a:r>
            <a:r>
              <a:rPr lang="nb-NO" dirty="0"/>
              <a:t>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8066689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That’s</a:t>
            </a:r>
            <a:r>
              <a:rPr lang="nb-NO" dirty="0"/>
              <a:t> </a:t>
            </a:r>
            <a:r>
              <a:rPr lang="nb-NO" dirty="0" err="1"/>
              <a:t>why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show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second</a:t>
            </a:r>
            <a:r>
              <a:rPr lang="nb-NO" dirty="0"/>
              <a:t> </a:t>
            </a:r>
            <a:r>
              <a:rPr lang="nb-NO" dirty="0" err="1"/>
              <a:t>iteration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ollaborative</a:t>
            </a:r>
            <a:r>
              <a:rPr lang="nb-NO" dirty="0"/>
              <a:t> SHOP Lab. And in order not to limit </a:t>
            </a:r>
            <a:r>
              <a:rPr lang="nb-NO" dirty="0" err="1"/>
              <a:t>us</a:t>
            </a:r>
            <a:r>
              <a:rPr lang="nb-NO" dirty="0"/>
              <a:t> to </a:t>
            </a:r>
            <a:r>
              <a:rPr lang="nb-NO" dirty="0" err="1"/>
              <a:t>either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or </a:t>
            </a:r>
            <a:r>
              <a:rPr lang="nb-NO" dirty="0" err="1"/>
              <a:t>users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rebranding</a:t>
            </a:r>
            <a:r>
              <a:rPr lang="nb-NO" dirty="0"/>
              <a:t> it </a:t>
            </a:r>
            <a:r>
              <a:rPr lang="nb-NO" dirty="0" err="1"/>
              <a:t>slightly</a:t>
            </a:r>
            <a:r>
              <a:rPr lang="nb-NO" dirty="0"/>
              <a:t>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0443926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That’s</a:t>
            </a:r>
            <a:r>
              <a:rPr lang="nb-NO" dirty="0"/>
              <a:t> </a:t>
            </a:r>
            <a:r>
              <a:rPr lang="nb-NO" dirty="0" err="1"/>
              <a:t>why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show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second</a:t>
            </a:r>
            <a:r>
              <a:rPr lang="nb-NO" dirty="0"/>
              <a:t> </a:t>
            </a:r>
            <a:r>
              <a:rPr lang="nb-NO" dirty="0" err="1"/>
              <a:t>iteration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ollaborative</a:t>
            </a:r>
            <a:r>
              <a:rPr lang="nb-NO" dirty="0"/>
              <a:t> SHOP Lab. And in order not to limit </a:t>
            </a:r>
            <a:r>
              <a:rPr lang="nb-NO" dirty="0" err="1"/>
              <a:t>us</a:t>
            </a:r>
            <a:r>
              <a:rPr lang="nb-NO" dirty="0"/>
              <a:t> to </a:t>
            </a:r>
            <a:r>
              <a:rPr lang="nb-NO" dirty="0" err="1"/>
              <a:t>either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or </a:t>
            </a:r>
            <a:r>
              <a:rPr lang="nb-NO" dirty="0" err="1"/>
              <a:t>users</a:t>
            </a:r>
            <a:r>
              <a:rPr lang="nb-NO" dirty="0"/>
              <a:t>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rebranding</a:t>
            </a:r>
            <a:r>
              <a:rPr lang="nb-NO" dirty="0"/>
              <a:t> it </a:t>
            </a:r>
            <a:r>
              <a:rPr lang="nb-NO" dirty="0" err="1"/>
              <a:t>slightly</a:t>
            </a:r>
            <a:r>
              <a:rPr lang="nb-NO" dirty="0"/>
              <a:t>.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165664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The SINTEF Energy </a:t>
            </a:r>
            <a:r>
              <a:rPr lang="nb-NO" dirty="0" err="1"/>
              <a:t>virtual</a:t>
            </a:r>
            <a:r>
              <a:rPr lang="nb-NO" dirty="0"/>
              <a:t> lab is </a:t>
            </a:r>
            <a:r>
              <a:rPr lang="nb-NO" dirty="0" err="1"/>
              <a:t>built</a:t>
            </a:r>
            <a:r>
              <a:rPr lang="nb-NO" dirty="0"/>
              <a:t> to be robust and </a:t>
            </a:r>
            <a:r>
              <a:rPr lang="nb-NO" dirty="0" err="1"/>
              <a:t>secur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Microsoft </a:t>
            </a:r>
            <a:r>
              <a:rPr lang="nb-NO" dirty="0" err="1"/>
              <a:t>Azur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its</a:t>
            </a:r>
            <a:r>
              <a:rPr lang="nb-NO" dirty="0"/>
              <a:t> Norwegian </a:t>
            </a:r>
            <a:r>
              <a:rPr lang="nb-NO" dirty="0" err="1"/>
              <a:t>datacenters</a:t>
            </a:r>
            <a:r>
              <a:rPr lang="nb-NO" dirty="0"/>
              <a:t> as </a:t>
            </a:r>
            <a:r>
              <a:rPr lang="nb-NO" dirty="0" err="1"/>
              <a:t>the</a:t>
            </a:r>
            <a:r>
              <a:rPr lang="nb-NO" dirty="0"/>
              <a:t> hosting provider. It is </a:t>
            </a:r>
            <a:r>
              <a:rPr lang="nb-NO" dirty="0" err="1"/>
              <a:t>highly</a:t>
            </a:r>
            <a:r>
              <a:rPr lang="nb-NO" dirty="0"/>
              <a:t> </a:t>
            </a:r>
            <a:r>
              <a:rPr lang="nb-NO" dirty="0" err="1"/>
              <a:t>scalable</a:t>
            </a:r>
            <a:r>
              <a:rPr lang="nb-NO" dirty="0"/>
              <a:t> and </a:t>
            </a:r>
            <a:r>
              <a:rPr lang="nb-NO" dirty="0" err="1"/>
              <a:t>flexibl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dynamic</a:t>
            </a:r>
            <a:r>
              <a:rPr lang="nb-NO" dirty="0"/>
              <a:t> </a:t>
            </a:r>
            <a:r>
              <a:rPr lang="nb-NO" dirty="0" err="1"/>
              <a:t>deployments</a:t>
            </a:r>
            <a:r>
              <a:rPr lang="nb-NO" dirty="0"/>
              <a:t> and management </a:t>
            </a:r>
            <a:r>
              <a:rPr lang="nb-NO" dirty="0" err="1"/>
              <a:t>of</a:t>
            </a:r>
            <a:r>
              <a:rPr lang="nb-NO" dirty="0"/>
              <a:t> hardware and </a:t>
            </a:r>
            <a:r>
              <a:rPr lang="nb-NO" dirty="0" err="1"/>
              <a:t>software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Kubernetes</a:t>
            </a:r>
            <a:r>
              <a:rPr lang="nb-NO" dirty="0"/>
              <a:t>,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means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perience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be </a:t>
            </a:r>
            <a:r>
              <a:rPr lang="nb-NO" dirty="0" err="1"/>
              <a:t>the</a:t>
            </a:r>
            <a:r>
              <a:rPr lang="nb-NO" dirty="0"/>
              <a:t> same </a:t>
            </a:r>
            <a:r>
              <a:rPr lang="nb-NO" dirty="0" err="1"/>
              <a:t>regardles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hte</a:t>
            </a:r>
            <a:r>
              <a:rPr lang="nb-NO" dirty="0"/>
              <a:t> </a:t>
            </a:r>
            <a:r>
              <a:rPr lang="nb-NO" dirty="0" err="1"/>
              <a:t>amou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. </a:t>
            </a:r>
            <a:r>
              <a:rPr lang="nb-NO" dirty="0" err="1"/>
              <a:t>Kubernetes</a:t>
            </a:r>
            <a:r>
              <a:rPr lang="nb-NO" dirty="0"/>
              <a:t> </a:t>
            </a:r>
            <a:r>
              <a:rPr lang="nb-NO" dirty="0" err="1"/>
              <a:t>goes</a:t>
            </a:r>
            <a:r>
              <a:rPr lang="nb-NO" dirty="0"/>
              <a:t> hand in hand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Docker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preferred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erving </a:t>
            </a:r>
            <a:r>
              <a:rPr lang="nb-NO" dirty="0" err="1"/>
              <a:t>applications</a:t>
            </a:r>
            <a:r>
              <a:rPr lang="nb-NO" dirty="0"/>
              <a:t> and </a:t>
            </a:r>
            <a:r>
              <a:rPr lang="nb-NO" dirty="0" err="1"/>
              <a:t>keeping</a:t>
            </a:r>
            <a:r>
              <a:rPr lang="nb-NO" dirty="0"/>
              <a:t> </a:t>
            </a:r>
            <a:r>
              <a:rPr lang="nb-NO" dirty="0" err="1"/>
              <a:t>them</a:t>
            </a:r>
            <a:r>
              <a:rPr lang="nb-NO" dirty="0"/>
              <a:t> up to date, </a:t>
            </a:r>
            <a:r>
              <a:rPr lang="nb-NO" b="1" dirty="0">
                <a:hlinkClick r:id="rId3"/>
              </a:rPr>
              <a:t>Jupyter Notebook</a:t>
            </a:r>
            <a:r>
              <a:rPr lang="nb-NO" b="1" dirty="0"/>
              <a:t>s and </a:t>
            </a:r>
            <a:r>
              <a:rPr lang="nb-NO" b="1" dirty="0" err="1"/>
              <a:t>jupyterlab</a:t>
            </a:r>
            <a:r>
              <a:rPr lang="nb-NO" b="1" dirty="0"/>
              <a:t> </a:t>
            </a:r>
            <a:r>
              <a:rPr lang="nb-NO" dirty="0"/>
              <a:t>has </a:t>
            </a:r>
            <a:r>
              <a:rPr lang="nb-NO" dirty="0" err="1"/>
              <a:t>becom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“de facto” </a:t>
            </a:r>
            <a:r>
              <a:rPr lang="nb-NO" dirty="0" err="1"/>
              <a:t>platform</a:t>
            </a:r>
            <a:r>
              <a:rPr lang="nb-NO" dirty="0"/>
              <a:t> used by data scientists and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in general, and i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stack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utilzing</a:t>
            </a:r>
            <a:r>
              <a:rPr lang="nb-NO" dirty="0"/>
              <a:t> it to </a:t>
            </a:r>
            <a:r>
              <a:rPr lang="nb-NO" dirty="0" err="1"/>
              <a:t>its</a:t>
            </a:r>
            <a:r>
              <a:rPr lang="nb-NO" dirty="0"/>
              <a:t> full </a:t>
            </a:r>
            <a:r>
              <a:rPr lang="nb-NO" dirty="0" err="1"/>
              <a:t>potential.</a:t>
            </a:r>
            <a:r>
              <a:rPr lang="nb-NO" dirty="0"/>
              <a:t> 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1465527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The SINTEF Energy </a:t>
            </a:r>
            <a:r>
              <a:rPr lang="nb-NO" dirty="0" err="1"/>
              <a:t>virtual</a:t>
            </a:r>
            <a:r>
              <a:rPr lang="nb-NO" dirty="0"/>
              <a:t> lab is </a:t>
            </a:r>
            <a:r>
              <a:rPr lang="nb-NO" dirty="0" err="1"/>
              <a:t>built</a:t>
            </a:r>
            <a:r>
              <a:rPr lang="nb-NO" dirty="0"/>
              <a:t> to be robust and </a:t>
            </a:r>
            <a:r>
              <a:rPr lang="nb-NO" dirty="0" err="1"/>
              <a:t>secur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Microsoft </a:t>
            </a:r>
            <a:r>
              <a:rPr lang="nb-NO" dirty="0" err="1"/>
              <a:t>Azur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its</a:t>
            </a:r>
            <a:r>
              <a:rPr lang="nb-NO" dirty="0"/>
              <a:t> Norwegian </a:t>
            </a:r>
            <a:r>
              <a:rPr lang="nb-NO" dirty="0" err="1"/>
              <a:t>datacenters</a:t>
            </a:r>
            <a:r>
              <a:rPr lang="nb-NO" dirty="0"/>
              <a:t> as </a:t>
            </a:r>
            <a:r>
              <a:rPr lang="nb-NO" dirty="0" err="1"/>
              <a:t>the</a:t>
            </a:r>
            <a:r>
              <a:rPr lang="nb-NO" dirty="0"/>
              <a:t> hosting provider. It is </a:t>
            </a:r>
            <a:r>
              <a:rPr lang="nb-NO" dirty="0" err="1"/>
              <a:t>highly</a:t>
            </a:r>
            <a:r>
              <a:rPr lang="nb-NO" dirty="0"/>
              <a:t> </a:t>
            </a:r>
            <a:r>
              <a:rPr lang="nb-NO" dirty="0" err="1"/>
              <a:t>scalable</a:t>
            </a:r>
            <a:r>
              <a:rPr lang="nb-NO" dirty="0"/>
              <a:t> and </a:t>
            </a:r>
            <a:r>
              <a:rPr lang="nb-NO" dirty="0" err="1"/>
              <a:t>flexibl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dynamic</a:t>
            </a:r>
            <a:r>
              <a:rPr lang="nb-NO" dirty="0"/>
              <a:t> </a:t>
            </a:r>
            <a:r>
              <a:rPr lang="nb-NO" dirty="0" err="1"/>
              <a:t>deployments</a:t>
            </a:r>
            <a:r>
              <a:rPr lang="nb-NO" dirty="0"/>
              <a:t> and management </a:t>
            </a:r>
            <a:r>
              <a:rPr lang="nb-NO" dirty="0" err="1"/>
              <a:t>of</a:t>
            </a:r>
            <a:r>
              <a:rPr lang="nb-NO" dirty="0"/>
              <a:t> hardware and </a:t>
            </a:r>
            <a:r>
              <a:rPr lang="nb-NO" dirty="0" err="1"/>
              <a:t>software</a:t>
            </a:r>
            <a:r>
              <a:rPr lang="nb-NO" dirty="0"/>
              <a:t>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Kubernetes</a:t>
            </a:r>
            <a:r>
              <a:rPr lang="nb-NO" dirty="0"/>
              <a:t>,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means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perience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be </a:t>
            </a:r>
            <a:r>
              <a:rPr lang="nb-NO" dirty="0" err="1"/>
              <a:t>the</a:t>
            </a:r>
            <a:r>
              <a:rPr lang="nb-NO" dirty="0"/>
              <a:t> same </a:t>
            </a:r>
            <a:r>
              <a:rPr lang="nb-NO" dirty="0" err="1"/>
              <a:t>regardles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hte</a:t>
            </a:r>
            <a:r>
              <a:rPr lang="nb-NO" dirty="0"/>
              <a:t> </a:t>
            </a:r>
            <a:r>
              <a:rPr lang="nb-NO" dirty="0" err="1"/>
              <a:t>amou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. </a:t>
            </a:r>
            <a:r>
              <a:rPr lang="nb-NO" dirty="0" err="1"/>
              <a:t>Kubernetes</a:t>
            </a:r>
            <a:r>
              <a:rPr lang="nb-NO" dirty="0"/>
              <a:t> </a:t>
            </a:r>
            <a:r>
              <a:rPr lang="nb-NO" dirty="0" err="1"/>
              <a:t>goes</a:t>
            </a:r>
            <a:r>
              <a:rPr lang="nb-NO" dirty="0"/>
              <a:t> hand in hand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Docker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preferred</a:t>
            </a:r>
            <a:r>
              <a:rPr lang="nb-NO" dirty="0"/>
              <a:t> </a:t>
            </a:r>
            <a:r>
              <a:rPr lang="nb-NO" dirty="0" err="1"/>
              <a:t>wa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erving </a:t>
            </a:r>
            <a:r>
              <a:rPr lang="nb-NO" dirty="0" err="1"/>
              <a:t>applications</a:t>
            </a:r>
            <a:r>
              <a:rPr lang="nb-NO" dirty="0"/>
              <a:t> and </a:t>
            </a:r>
            <a:r>
              <a:rPr lang="nb-NO" dirty="0" err="1"/>
              <a:t>keeping</a:t>
            </a:r>
            <a:r>
              <a:rPr lang="nb-NO" dirty="0"/>
              <a:t> </a:t>
            </a:r>
            <a:r>
              <a:rPr lang="nb-NO" dirty="0" err="1"/>
              <a:t>them</a:t>
            </a:r>
            <a:r>
              <a:rPr lang="nb-NO" dirty="0"/>
              <a:t> up to date, </a:t>
            </a:r>
            <a:r>
              <a:rPr lang="nb-NO" b="1" dirty="0">
                <a:hlinkClick r:id="rId3"/>
              </a:rPr>
              <a:t>Jupyter Notebook</a:t>
            </a:r>
            <a:r>
              <a:rPr lang="nb-NO" b="1" dirty="0"/>
              <a:t>s and </a:t>
            </a:r>
            <a:r>
              <a:rPr lang="nb-NO" b="1" dirty="0" err="1"/>
              <a:t>jupyterlab</a:t>
            </a:r>
            <a:r>
              <a:rPr lang="nb-NO" b="1" dirty="0"/>
              <a:t> </a:t>
            </a:r>
            <a:r>
              <a:rPr lang="nb-NO" dirty="0"/>
              <a:t>has </a:t>
            </a:r>
            <a:r>
              <a:rPr lang="nb-NO" dirty="0" err="1"/>
              <a:t>becom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“de facto” </a:t>
            </a:r>
            <a:r>
              <a:rPr lang="nb-NO" dirty="0" err="1"/>
              <a:t>platform</a:t>
            </a:r>
            <a:r>
              <a:rPr lang="nb-NO" dirty="0"/>
              <a:t> used by data scientists and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in general, and i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stack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utilzing</a:t>
            </a:r>
            <a:r>
              <a:rPr lang="nb-NO" dirty="0"/>
              <a:t> it to </a:t>
            </a:r>
            <a:r>
              <a:rPr lang="nb-NO" dirty="0" err="1"/>
              <a:t>its</a:t>
            </a:r>
            <a:r>
              <a:rPr lang="nb-NO" dirty="0"/>
              <a:t> full </a:t>
            </a:r>
            <a:r>
              <a:rPr lang="nb-NO" dirty="0" err="1"/>
              <a:t>potential.</a:t>
            </a:r>
            <a:r>
              <a:rPr lang="nb-NO" dirty="0"/>
              <a:t> 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0475000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o,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further</a:t>
            </a:r>
            <a:r>
              <a:rPr lang="nb-NO" dirty="0"/>
              <a:t> </a:t>
            </a:r>
            <a:r>
              <a:rPr lang="nb-NO" dirty="0" err="1"/>
              <a:t>adue</a:t>
            </a:r>
            <a:r>
              <a:rPr lang="nb-NO" dirty="0"/>
              <a:t>, </a:t>
            </a:r>
            <a:r>
              <a:rPr lang="nb-NO" dirty="0" err="1"/>
              <a:t>let’s</a:t>
            </a:r>
            <a:r>
              <a:rPr lang="nb-NO" dirty="0"/>
              <a:t> have a </a:t>
            </a:r>
            <a:r>
              <a:rPr lang="nb-NO" dirty="0" err="1"/>
              <a:t>look</a:t>
            </a:r>
            <a:r>
              <a:rPr lang="nb-NO" dirty="0"/>
              <a:t> at it. </a:t>
            </a:r>
            <a:r>
              <a:rPr lang="nb-NO" dirty="0" err="1"/>
              <a:t>After</a:t>
            </a:r>
            <a:r>
              <a:rPr lang="nb-NO" dirty="0"/>
              <a:t> signing up and </a:t>
            </a:r>
            <a:r>
              <a:rPr lang="nb-NO" dirty="0" err="1"/>
              <a:t>hav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 </a:t>
            </a:r>
            <a:r>
              <a:rPr lang="nb-NO" dirty="0" err="1"/>
              <a:t>approved</a:t>
            </a:r>
            <a:r>
              <a:rPr lang="nb-NO" dirty="0"/>
              <a:t>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log in.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</a:t>
            </a:r>
            <a:r>
              <a:rPr lang="nb-NO" dirty="0" err="1"/>
              <a:t>now</a:t>
            </a:r>
            <a:r>
              <a:rPr lang="nb-NO" dirty="0"/>
              <a:t> be </a:t>
            </a:r>
            <a:r>
              <a:rPr lang="nb-NO" dirty="0" err="1"/>
              <a:t>greeted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a a la carte </a:t>
            </a:r>
            <a:r>
              <a:rPr lang="nb-NO" dirty="0" err="1"/>
              <a:t>menu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different </a:t>
            </a:r>
            <a:r>
              <a:rPr lang="nb-NO" dirty="0" err="1"/>
              <a:t>docker</a:t>
            </a:r>
            <a:r>
              <a:rPr lang="nb-NO" dirty="0"/>
              <a:t> images to </a:t>
            </a:r>
            <a:r>
              <a:rPr lang="nb-NO" dirty="0" err="1"/>
              <a:t>choose</a:t>
            </a:r>
            <a:r>
              <a:rPr lang="nb-NO" dirty="0"/>
              <a:t> from. The </a:t>
            </a:r>
            <a:r>
              <a:rPr lang="nb-NO" dirty="0" err="1"/>
              <a:t>advantag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, is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provide</a:t>
            </a:r>
            <a:r>
              <a:rPr lang="nb-NO" dirty="0"/>
              <a:t> different </a:t>
            </a:r>
            <a:r>
              <a:rPr lang="nb-NO" dirty="0" err="1"/>
              <a:t>version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 for </a:t>
            </a:r>
            <a:r>
              <a:rPr lang="nb-NO" dirty="0" err="1"/>
              <a:t>you</a:t>
            </a:r>
            <a:r>
              <a:rPr lang="nb-NO" dirty="0"/>
              <a:t> to </a:t>
            </a:r>
            <a:r>
              <a:rPr lang="nb-NO" dirty="0" err="1"/>
              <a:t>select</a:t>
            </a:r>
            <a:r>
              <a:rPr lang="nb-NO" dirty="0"/>
              <a:t> from, </a:t>
            </a:r>
            <a:r>
              <a:rPr lang="nb-NO" dirty="0" err="1"/>
              <a:t>with</a:t>
            </a:r>
            <a:r>
              <a:rPr lang="nb-NO" dirty="0"/>
              <a:t> different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configurations</a:t>
            </a:r>
            <a:r>
              <a:rPr lang="nb-NO" dirty="0"/>
              <a:t> and different pre-</a:t>
            </a:r>
            <a:r>
              <a:rPr lang="nb-NO" dirty="0" err="1"/>
              <a:t>installed</a:t>
            </a:r>
            <a:r>
              <a:rPr lang="nb-NO" dirty="0"/>
              <a:t> </a:t>
            </a:r>
            <a:r>
              <a:rPr lang="nb-NO" dirty="0" err="1"/>
              <a:t>packages</a:t>
            </a:r>
            <a:r>
              <a:rPr lang="nb-NO" dirty="0"/>
              <a:t> </a:t>
            </a:r>
            <a:r>
              <a:rPr lang="nb-NO" dirty="0" err="1"/>
              <a:t>depending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needs</a:t>
            </a:r>
            <a:r>
              <a:rPr lang="nb-NO" dirty="0"/>
              <a:t>. For </a:t>
            </a:r>
            <a:r>
              <a:rPr lang="nb-NO" dirty="0" err="1"/>
              <a:t>instance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latest stable </a:t>
            </a:r>
            <a:r>
              <a:rPr lang="nb-NO" dirty="0" err="1"/>
              <a:t>version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 </a:t>
            </a:r>
            <a:r>
              <a:rPr lang="nb-NO" dirty="0" err="1"/>
              <a:t>will</a:t>
            </a:r>
            <a:r>
              <a:rPr lang="nb-NO" dirty="0"/>
              <a:t> </a:t>
            </a:r>
            <a:r>
              <a:rPr lang="nb-NO" dirty="0" err="1"/>
              <a:t>always</a:t>
            </a:r>
            <a:r>
              <a:rPr lang="nb-NO" dirty="0"/>
              <a:t> be </a:t>
            </a:r>
            <a:r>
              <a:rPr lang="nb-NO" dirty="0" err="1"/>
              <a:t>available</a:t>
            </a:r>
            <a:r>
              <a:rPr lang="nb-NO" dirty="0"/>
              <a:t> from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top</a:t>
            </a:r>
            <a:r>
              <a:rPr lang="nb-NO" dirty="0"/>
              <a:t> and </a:t>
            </a:r>
            <a:r>
              <a:rPr lang="nb-NO" dirty="0" err="1"/>
              <a:t>will</a:t>
            </a:r>
            <a:r>
              <a:rPr lang="nb-NO" dirty="0"/>
              <a:t> be part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automated</a:t>
            </a:r>
            <a:r>
              <a:rPr lang="nb-NO" dirty="0"/>
              <a:t> </a:t>
            </a:r>
            <a:r>
              <a:rPr lang="nb-NO" dirty="0" err="1"/>
              <a:t>release</a:t>
            </a:r>
            <a:r>
              <a:rPr lang="nb-NO" dirty="0"/>
              <a:t> </a:t>
            </a:r>
            <a:r>
              <a:rPr lang="nb-NO" dirty="0" err="1"/>
              <a:t>process</a:t>
            </a:r>
            <a:r>
              <a:rPr lang="nb-NO" dirty="0"/>
              <a:t>, </a:t>
            </a:r>
            <a:r>
              <a:rPr lang="nb-NO" dirty="0" err="1"/>
              <a:t>but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provide</a:t>
            </a:r>
            <a:r>
              <a:rPr lang="nb-NO" dirty="0"/>
              <a:t> an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beta </a:t>
            </a:r>
            <a:r>
              <a:rPr lang="nb-NO" dirty="0" err="1"/>
              <a:t>version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new</a:t>
            </a:r>
            <a:r>
              <a:rPr lang="nb-NO" dirty="0"/>
              <a:t> </a:t>
            </a:r>
            <a:r>
              <a:rPr lang="nb-NO" dirty="0" err="1"/>
              <a:t>releases</a:t>
            </a:r>
            <a:r>
              <a:rPr lang="nb-NO" dirty="0"/>
              <a:t>, </a:t>
            </a:r>
            <a:r>
              <a:rPr lang="nb-NO" dirty="0" err="1"/>
              <a:t>freezed</a:t>
            </a:r>
            <a:r>
              <a:rPr lang="nb-NO" dirty="0"/>
              <a:t> </a:t>
            </a:r>
            <a:r>
              <a:rPr lang="nb-NO" dirty="0" err="1"/>
              <a:t>versions</a:t>
            </a:r>
            <a:r>
              <a:rPr lang="nb-NO" dirty="0"/>
              <a:t>, </a:t>
            </a:r>
            <a:r>
              <a:rPr lang="nb-NO" dirty="0" err="1"/>
              <a:t>customer</a:t>
            </a:r>
            <a:r>
              <a:rPr lang="nb-NO" dirty="0"/>
              <a:t> </a:t>
            </a:r>
            <a:r>
              <a:rPr lang="nb-NO" dirty="0" err="1"/>
              <a:t>specific</a:t>
            </a:r>
            <a:r>
              <a:rPr lang="nb-NO" dirty="0"/>
              <a:t> </a:t>
            </a:r>
            <a:r>
              <a:rPr lang="nb-NO" dirty="0" err="1"/>
              <a:t>versions</a:t>
            </a:r>
            <a:r>
              <a:rPr lang="nb-NO" dirty="0"/>
              <a:t> or </a:t>
            </a:r>
            <a:r>
              <a:rPr lang="nb-NO" dirty="0" err="1"/>
              <a:t>perhaps</a:t>
            </a:r>
            <a:r>
              <a:rPr lang="nb-NO" dirty="0"/>
              <a:t> </a:t>
            </a:r>
            <a:r>
              <a:rPr lang="nb-NO" dirty="0" err="1"/>
              <a:t>something</a:t>
            </a:r>
            <a:r>
              <a:rPr lang="nb-NO" dirty="0"/>
              <a:t> </a:t>
            </a:r>
            <a:r>
              <a:rPr lang="nb-NO" dirty="0" err="1"/>
              <a:t>targeted</a:t>
            </a:r>
            <a:r>
              <a:rPr lang="nb-NO" dirty="0"/>
              <a:t> </a:t>
            </a:r>
            <a:r>
              <a:rPr lang="nb-NO" dirty="0" err="1"/>
              <a:t>specific</a:t>
            </a:r>
            <a:r>
              <a:rPr lang="nb-NO" dirty="0"/>
              <a:t> for students. This is all </a:t>
            </a:r>
            <a:r>
              <a:rPr lang="nb-NO" dirty="0" err="1"/>
              <a:t>customizable</a:t>
            </a:r>
            <a:r>
              <a:rPr lang="nb-NO" dirty="0"/>
              <a:t> and </a:t>
            </a:r>
            <a:r>
              <a:rPr lang="nb-NO" dirty="0" err="1"/>
              <a:t>can</a:t>
            </a:r>
            <a:r>
              <a:rPr lang="nb-NO" dirty="0"/>
              <a:t> be </a:t>
            </a:r>
            <a:r>
              <a:rPr lang="nb-NO" dirty="0" err="1"/>
              <a:t>access</a:t>
            </a:r>
            <a:r>
              <a:rPr lang="nb-NO" dirty="0"/>
              <a:t> </a:t>
            </a:r>
            <a:r>
              <a:rPr lang="nb-NO" dirty="0" err="1"/>
              <a:t>based</a:t>
            </a:r>
            <a:r>
              <a:rPr lang="nb-NO" dirty="0"/>
              <a:t> </a:t>
            </a:r>
            <a:r>
              <a:rPr lang="nb-NO" dirty="0" err="1"/>
              <a:t>depending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rganisation</a:t>
            </a:r>
            <a:r>
              <a:rPr lang="nb-NO" dirty="0"/>
              <a:t> </a:t>
            </a:r>
            <a:r>
              <a:rPr lang="nb-NO" dirty="0" err="1"/>
              <a:t>role</a:t>
            </a:r>
            <a:r>
              <a:rPr lang="nb-NO" dirty="0"/>
              <a:t>.  </a:t>
            </a:r>
          </a:p>
          <a:p>
            <a:endParaRPr lang="nb-NO" dirty="0"/>
          </a:p>
          <a:p>
            <a:r>
              <a:rPr lang="nb-NO" dirty="0" err="1"/>
              <a:t>After</a:t>
            </a:r>
            <a:r>
              <a:rPr lang="nb-NO" dirty="0"/>
              <a:t> </a:t>
            </a:r>
            <a:r>
              <a:rPr lang="nb-NO" dirty="0" err="1"/>
              <a:t>choos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ppropriate</a:t>
            </a:r>
            <a:r>
              <a:rPr lang="nb-NO" dirty="0"/>
              <a:t> server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lick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tart </a:t>
            </a:r>
            <a:r>
              <a:rPr lang="nb-NO" dirty="0" err="1"/>
              <a:t>button</a:t>
            </a:r>
            <a:r>
              <a:rPr lang="nb-NO" dirty="0"/>
              <a:t>, and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mageic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infrastructure</a:t>
            </a:r>
            <a:r>
              <a:rPr lang="nb-NO" dirty="0"/>
              <a:t> </a:t>
            </a:r>
            <a:r>
              <a:rPr lang="nb-NO" dirty="0" err="1"/>
              <a:t>described</a:t>
            </a:r>
            <a:r>
              <a:rPr lang="nb-NO" dirty="0"/>
              <a:t> a </a:t>
            </a:r>
            <a:r>
              <a:rPr lang="nb-NO" dirty="0" err="1"/>
              <a:t>few</a:t>
            </a:r>
            <a:r>
              <a:rPr lang="nb-NO" dirty="0"/>
              <a:t> </a:t>
            </a:r>
            <a:r>
              <a:rPr lang="nb-NO" dirty="0" err="1"/>
              <a:t>minutes</a:t>
            </a:r>
            <a:r>
              <a:rPr lang="nb-NO" dirty="0"/>
              <a:t> </a:t>
            </a:r>
            <a:r>
              <a:rPr lang="nb-NO" dirty="0" err="1"/>
              <a:t>ago</a:t>
            </a:r>
            <a:r>
              <a:rPr lang="nb-NO" dirty="0"/>
              <a:t> </a:t>
            </a:r>
            <a:r>
              <a:rPr lang="nb-NO" dirty="0" err="1"/>
              <a:t>happens</a:t>
            </a:r>
            <a:r>
              <a:rPr lang="nb-NO" dirty="0"/>
              <a:t>. </a:t>
            </a:r>
            <a:r>
              <a:rPr lang="nb-NO" dirty="0" err="1"/>
              <a:t>Each</a:t>
            </a:r>
            <a:r>
              <a:rPr lang="nb-NO" dirty="0"/>
              <a:t> </a:t>
            </a:r>
            <a:r>
              <a:rPr lang="nb-NO" dirty="0" err="1"/>
              <a:t>individual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 </a:t>
            </a:r>
            <a:r>
              <a:rPr lang="nb-NO" dirty="0" err="1"/>
              <a:t>gets</a:t>
            </a:r>
            <a:r>
              <a:rPr lang="nb-NO" dirty="0"/>
              <a:t> </a:t>
            </a:r>
            <a:r>
              <a:rPr lang="nb-NO" dirty="0" err="1"/>
              <a:t>assigned</a:t>
            </a:r>
            <a:r>
              <a:rPr lang="nb-NO" dirty="0"/>
              <a:t> </a:t>
            </a:r>
            <a:r>
              <a:rPr lang="nb-NO" dirty="0" err="1"/>
              <a:t>thei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secure</a:t>
            </a:r>
            <a:r>
              <a:rPr lang="nb-NO" dirty="0"/>
              <a:t>, private </a:t>
            </a:r>
            <a:r>
              <a:rPr lang="nb-NO" dirty="0" err="1"/>
              <a:t>storage</a:t>
            </a:r>
            <a:r>
              <a:rPr lang="nb-NO" dirty="0"/>
              <a:t> area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zure</a:t>
            </a:r>
            <a:r>
              <a:rPr lang="nb-NO" dirty="0"/>
              <a:t> </a:t>
            </a:r>
            <a:r>
              <a:rPr lang="nb-NO" dirty="0" err="1"/>
              <a:t>cloud</a:t>
            </a:r>
            <a:r>
              <a:rPr lang="nb-NO" dirty="0"/>
              <a:t>, </a:t>
            </a:r>
            <a:r>
              <a:rPr lang="nb-NO" dirty="0" err="1"/>
              <a:t>called</a:t>
            </a:r>
            <a:r>
              <a:rPr lang="nb-NO" dirty="0"/>
              <a:t> a </a:t>
            </a:r>
            <a:r>
              <a:rPr lang="nb-NO" dirty="0" err="1"/>
              <a:t>persistant</a:t>
            </a:r>
            <a:r>
              <a:rPr lang="nb-NO" dirty="0"/>
              <a:t> </a:t>
            </a:r>
            <a:r>
              <a:rPr lang="nb-NO" dirty="0" err="1"/>
              <a:t>volume</a:t>
            </a:r>
            <a:r>
              <a:rPr lang="nb-NO" dirty="0"/>
              <a:t>, and a </a:t>
            </a:r>
            <a:r>
              <a:rPr lang="nb-NO" dirty="0" err="1"/>
              <a:t>individual</a:t>
            </a:r>
            <a:r>
              <a:rPr lang="nb-NO" dirty="0"/>
              <a:t> </a:t>
            </a:r>
            <a:r>
              <a:rPr lang="nb-NO" dirty="0" err="1"/>
              <a:t>docker</a:t>
            </a:r>
            <a:r>
              <a:rPr lang="nb-NO" dirty="0"/>
              <a:t> container is </a:t>
            </a:r>
            <a:r>
              <a:rPr lang="nb-NO" dirty="0" err="1"/>
              <a:t>being</a:t>
            </a:r>
            <a:r>
              <a:rPr lang="nb-NO" dirty="0"/>
              <a:t> </a:t>
            </a:r>
            <a:r>
              <a:rPr lang="nb-NO" dirty="0" err="1"/>
              <a:t>created</a:t>
            </a:r>
            <a:r>
              <a:rPr lang="nb-NO" dirty="0"/>
              <a:t> for </a:t>
            </a:r>
            <a:r>
              <a:rPr lang="nb-NO" dirty="0" err="1"/>
              <a:t>each</a:t>
            </a:r>
            <a:r>
              <a:rPr lang="nb-NO" dirty="0"/>
              <a:t> </a:t>
            </a:r>
            <a:r>
              <a:rPr lang="nb-NO" dirty="0" err="1"/>
              <a:t>user</a:t>
            </a:r>
            <a:r>
              <a:rPr lang="nb-NO" dirty="0"/>
              <a:t>, giving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very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ready</a:t>
            </a:r>
            <a:r>
              <a:rPr lang="nb-NO" dirty="0"/>
              <a:t>-to-</a:t>
            </a:r>
            <a:r>
              <a:rPr lang="nb-NO" dirty="0" err="1"/>
              <a:t>go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SHOP, </a:t>
            </a:r>
            <a:r>
              <a:rPr lang="nb-NO" dirty="0" err="1"/>
              <a:t>useful</a:t>
            </a:r>
            <a:r>
              <a:rPr lang="nb-NO" dirty="0"/>
              <a:t> </a:t>
            </a:r>
            <a:r>
              <a:rPr lang="nb-NO" dirty="0" err="1"/>
              <a:t>applications</a:t>
            </a:r>
            <a:r>
              <a:rPr lang="nb-NO" dirty="0"/>
              <a:t> and </a:t>
            </a:r>
            <a:r>
              <a:rPr lang="nb-NO" dirty="0" err="1"/>
              <a:t>packages</a:t>
            </a:r>
            <a:r>
              <a:rPr lang="nb-NO" dirty="0"/>
              <a:t>, </a:t>
            </a:r>
            <a:r>
              <a:rPr lang="nb-NO" dirty="0" err="1"/>
              <a:t>everything</a:t>
            </a:r>
            <a:r>
              <a:rPr lang="nb-NO" dirty="0"/>
              <a:t> </a:t>
            </a:r>
            <a:r>
              <a:rPr lang="nb-NO" dirty="0" err="1"/>
              <a:t>guaranteed</a:t>
            </a:r>
            <a:r>
              <a:rPr lang="nb-NO" dirty="0"/>
              <a:t> to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configuration</a:t>
            </a:r>
            <a:r>
              <a:rPr lang="nb-NO" dirty="0"/>
              <a:t>.  </a:t>
            </a:r>
            <a:r>
              <a:rPr lang="nb-NO" dirty="0" err="1"/>
              <a:t>What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happens</a:t>
            </a:r>
            <a:r>
              <a:rPr lang="nb-NO" dirty="0"/>
              <a:t>, is </a:t>
            </a:r>
            <a:r>
              <a:rPr lang="nb-NO" dirty="0" err="1"/>
              <a:t>that</a:t>
            </a:r>
            <a:r>
              <a:rPr lang="nb-NO" dirty="0"/>
              <a:t> a folder </a:t>
            </a:r>
            <a:r>
              <a:rPr lang="nb-NO" dirty="0" err="1"/>
              <a:t>named</a:t>
            </a:r>
            <a:r>
              <a:rPr lang="nb-NO" dirty="0"/>
              <a:t> «</a:t>
            </a:r>
            <a:r>
              <a:rPr lang="nb-NO" dirty="0" err="1"/>
              <a:t>shop_examples</a:t>
            </a:r>
            <a:r>
              <a:rPr lang="nb-NO" dirty="0"/>
              <a:t>» </a:t>
            </a:r>
            <a:r>
              <a:rPr lang="nb-NO" dirty="0" err="1"/>
              <a:t>automatically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be </a:t>
            </a:r>
            <a:r>
              <a:rPr lang="nb-NO" dirty="0" err="1"/>
              <a:t>synced</a:t>
            </a:r>
            <a:r>
              <a:rPr lang="nb-NO" dirty="0"/>
              <a:t> from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public</a:t>
            </a:r>
            <a:r>
              <a:rPr lang="nb-NO" dirty="0"/>
              <a:t> </a:t>
            </a:r>
            <a:r>
              <a:rPr lang="nb-NO" dirty="0" err="1"/>
              <a:t>github</a:t>
            </a:r>
            <a:r>
              <a:rPr lang="nb-NO" dirty="0"/>
              <a:t> </a:t>
            </a:r>
            <a:r>
              <a:rPr lang="nb-NO" dirty="0" err="1"/>
              <a:t>repository</a:t>
            </a:r>
            <a:r>
              <a:rPr lang="nb-NO" dirty="0"/>
              <a:t>, </a:t>
            </a:r>
            <a:r>
              <a:rPr lang="nb-NO" dirty="0" err="1"/>
              <a:t>contain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latest </a:t>
            </a:r>
            <a:r>
              <a:rPr lang="nb-NO" dirty="0" err="1"/>
              <a:t>runnabl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for shop. This </a:t>
            </a:r>
            <a:r>
              <a:rPr lang="nb-NO" dirty="0" err="1"/>
              <a:t>gives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an </a:t>
            </a:r>
            <a:r>
              <a:rPr lang="nb-NO" dirty="0" err="1"/>
              <a:t>immediadte</a:t>
            </a:r>
            <a:r>
              <a:rPr lang="nb-NO" dirty="0"/>
              <a:t> </a:t>
            </a:r>
            <a:r>
              <a:rPr lang="nb-NO" dirty="0" err="1"/>
              <a:t>chance</a:t>
            </a:r>
            <a:r>
              <a:rPr lang="nb-NO" dirty="0"/>
              <a:t> to run SHOP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even</a:t>
            </a:r>
            <a:r>
              <a:rPr lang="nb-NO" dirty="0"/>
              <a:t> </a:t>
            </a:r>
            <a:r>
              <a:rPr lang="nb-NO" dirty="0" err="1"/>
              <a:t>writing</a:t>
            </a:r>
            <a:r>
              <a:rPr lang="nb-NO" dirty="0"/>
              <a:t> as </a:t>
            </a:r>
            <a:r>
              <a:rPr lang="nb-NO" dirty="0" err="1"/>
              <a:t>much</a:t>
            </a:r>
            <a:r>
              <a:rPr lang="nb-NO" dirty="0"/>
              <a:t> as a single </a:t>
            </a:r>
            <a:r>
              <a:rPr lang="nb-NO" dirty="0" err="1"/>
              <a:t>command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 err="1"/>
              <a:t>But</a:t>
            </a:r>
            <a:r>
              <a:rPr lang="nb-NO" dirty="0"/>
              <a:t>, </a:t>
            </a:r>
            <a:r>
              <a:rPr lang="nb-NO" dirty="0" err="1"/>
              <a:t>since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viewing</a:t>
            </a:r>
            <a:r>
              <a:rPr lang="nb-NO" dirty="0"/>
              <a:t> live </a:t>
            </a:r>
            <a:r>
              <a:rPr lang="nb-NO" dirty="0" err="1"/>
              <a:t>code</a:t>
            </a:r>
            <a:r>
              <a:rPr lang="nb-NO" dirty="0"/>
              <a:t> i</a:t>
            </a:r>
          </a:p>
          <a:p>
            <a:endParaRPr lang="nb-NO" dirty="0"/>
          </a:p>
          <a:p>
            <a:r>
              <a:rPr lang="nb-NO" dirty="0"/>
              <a:t>Note </a:t>
            </a:r>
            <a:r>
              <a:rPr lang="nb-NO" dirty="0" err="1"/>
              <a:t>that</a:t>
            </a:r>
            <a:r>
              <a:rPr lang="nb-NO" dirty="0"/>
              <a:t> all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play </a:t>
            </a:r>
            <a:r>
              <a:rPr lang="nb-NO" dirty="0" err="1"/>
              <a:t>with</a:t>
            </a:r>
            <a:r>
              <a:rPr lang="nb-NO" dirty="0"/>
              <a:t> and run </a:t>
            </a:r>
            <a:r>
              <a:rPr lang="nb-NO" dirty="0" err="1"/>
              <a:t>interactively</a:t>
            </a:r>
            <a:r>
              <a:rPr lang="nb-NO" dirty="0"/>
              <a:t> </a:t>
            </a:r>
            <a:r>
              <a:rPr lang="nb-NO" dirty="0" err="1"/>
              <a:t>here</a:t>
            </a:r>
            <a:r>
              <a:rPr lang="nb-NO" dirty="0"/>
              <a:t>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vritual</a:t>
            </a:r>
            <a:r>
              <a:rPr lang="nb-NO" dirty="0"/>
              <a:t> lab, </a:t>
            </a:r>
            <a:r>
              <a:rPr lang="nb-NO" dirty="0" err="1"/>
              <a:t>also</a:t>
            </a:r>
            <a:r>
              <a:rPr lang="nb-NO" dirty="0"/>
              <a:t> is </a:t>
            </a:r>
            <a:r>
              <a:rPr lang="nb-NO" dirty="0" err="1"/>
              <a:t>available</a:t>
            </a:r>
            <a:r>
              <a:rPr lang="nb-NO" dirty="0"/>
              <a:t> in </a:t>
            </a:r>
            <a:r>
              <a:rPr lang="nb-NO" dirty="0" err="1"/>
              <a:t>the</a:t>
            </a:r>
            <a:r>
              <a:rPr lang="nb-NO" dirty="0"/>
              <a:t> SHOP Portal as a part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more </a:t>
            </a:r>
            <a:r>
              <a:rPr lang="nb-NO" dirty="0" err="1"/>
              <a:t>static</a:t>
            </a:r>
            <a:r>
              <a:rPr lang="nb-NO" dirty="0"/>
              <a:t> </a:t>
            </a:r>
            <a:r>
              <a:rPr lang="nb-NO" dirty="0" err="1"/>
              <a:t>documentation</a:t>
            </a:r>
            <a:r>
              <a:rPr lang="nb-NO" dirty="0"/>
              <a:t>. The </a:t>
            </a:r>
            <a:r>
              <a:rPr lang="nb-NO" dirty="0" err="1"/>
              <a:t>difference</a:t>
            </a:r>
            <a:r>
              <a:rPr lang="nb-NO" dirty="0"/>
              <a:t> </a:t>
            </a:r>
            <a:r>
              <a:rPr lang="nb-NO" dirty="0" err="1"/>
              <a:t>betwee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two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m</a:t>
            </a:r>
            <a:r>
              <a:rPr lang="nb-NO" dirty="0"/>
              <a:t> is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viertual</a:t>
            </a:r>
            <a:r>
              <a:rPr lang="nb-NO" dirty="0"/>
              <a:t> lab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ells</a:t>
            </a:r>
            <a:r>
              <a:rPr lang="nb-NO" dirty="0"/>
              <a:t> </a:t>
            </a:r>
            <a:r>
              <a:rPr lang="nb-NO" dirty="0" err="1"/>
              <a:t>containing</a:t>
            </a:r>
            <a:r>
              <a:rPr lang="nb-NO" dirty="0"/>
              <a:t> </a:t>
            </a:r>
            <a:r>
              <a:rPr lang="nb-NO" dirty="0" err="1"/>
              <a:t>python</a:t>
            </a:r>
            <a:r>
              <a:rPr lang="nb-NO" dirty="0"/>
              <a:t> </a:t>
            </a:r>
            <a:r>
              <a:rPr lang="nb-NO" dirty="0" err="1"/>
              <a:t>code</a:t>
            </a:r>
            <a:r>
              <a:rPr lang="nb-NO" dirty="0"/>
              <a:t> and run </a:t>
            </a:r>
            <a:r>
              <a:rPr lang="nb-NO" dirty="0" err="1"/>
              <a:t>them</a:t>
            </a:r>
            <a:r>
              <a:rPr lang="nb-NO" dirty="0"/>
              <a:t> </a:t>
            </a:r>
            <a:r>
              <a:rPr lang="nb-NO" dirty="0" err="1"/>
              <a:t>again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an </a:t>
            </a:r>
            <a:r>
              <a:rPr lang="nb-NO" dirty="0" err="1"/>
              <a:t>operational</a:t>
            </a:r>
            <a:r>
              <a:rPr lang="nb-NO" dirty="0"/>
              <a:t> </a:t>
            </a:r>
            <a:r>
              <a:rPr lang="nb-NO" dirty="0" err="1"/>
              <a:t>kernel</a:t>
            </a:r>
            <a:r>
              <a:rPr lang="nb-NO" dirty="0"/>
              <a:t> live in </a:t>
            </a:r>
            <a:r>
              <a:rPr lang="nb-NO" dirty="0" err="1"/>
              <a:t>brower</a:t>
            </a:r>
            <a:r>
              <a:rPr lang="nb-NO" dirty="0"/>
              <a:t>, </a:t>
            </a:r>
            <a:r>
              <a:rPr lang="nb-NO" dirty="0" err="1"/>
              <a:t>instantly</a:t>
            </a:r>
            <a:r>
              <a:rPr lang="nb-NO" dirty="0"/>
              <a:t> </a:t>
            </a:r>
            <a:r>
              <a:rPr lang="nb-NO" dirty="0" err="1"/>
              <a:t>returning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updated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 </a:t>
            </a:r>
            <a:r>
              <a:rPr lang="nb-NO" dirty="0" err="1"/>
              <a:t>depending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input.</a:t>
            </a:r>
          </a:p>
          <a:p>
            <a:endParaRPr lang="nb-NO" dirty="0"/>
          </a:p>
          <a:p>
            <a:r>
              <a:rPr lang="nb-NO" dirty="0" err="1"/>
              <a:t>Let’s</a:t>
            </a:r>
            <a:r>
              <a:rPr lang="nb-NO" dirty="0"/>
              <a:t> </a:t>
            </a:r>
            <a:r>
              <a:rPr lang="nb-NO" dirty="0" err="1"/>
              <a:t>go</a:t>
            </a:r>
            <a:r>
              <a:rPr lang="nb-NO" dirty="0"/>
              <a:t> </a:t>
            </a:r>
            <a:r>
              <a:rPr lang="nb-NO" dirty="0" err="1"/>
              <a:t>ahead</a:t>
            </a:r>
            <a:r>
              <a:rPr lang="nb-NO" dirty="0"/>
              <a:t> and </a:t>
            </a:r>
            <a:r>
              <a:rPr lang="nb-NO" dirty="0" err="1"/>
              <a:t>check</a:t>
            </a:r>
            <a:r>
              <a:rPr lang="nb-NO" dirty="0"/>
              <a:t> </a:t>
            </a:r>
            <a:r>
              <a:rPr lang="nb-NO" dirty="0" err="1"/>
              <a:t>out</a:t>
            </a:r>
            <a:r>
              <a:rPr lang="nb-NO" dirty="0"/>
              <a:t> </a:t>
            </a:r>
            <a:r>
              <a:rPr lang="nb-NO" dirty="0" err="1"/>
              <a:t>som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. This i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basic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 </a:t>
            </a:r>
            <a:r>
              <a:rPr lang="nb-NO" dirty="0" err="1"/>
              <a:t>describing</a:t>
            </a:r>
            <a:r>
              <a:rPr lang="nb-NO" dirty="0"/>
              <a:t> </a:t>
            </a:r>
            <a:r>
              <a:rPr lang="nb-NO" dirty="0" err="1"/>
              <a:t>how</a:t>
            </a:r>
            <a:r>
              <a:rPr lang="nb-NO" dirty="0"/>
              <a:t> to </a:t>
            </a:r>
            <a:r>
              <a:rPr lang="nb-NO" dirty="0" err="1"/>
              <a:t>build</a:t>
            </a:r>
            <a:r>
              <a:rPr lang="nb-NO" dirty="0"/>
              <a:t> a SHOP </a:t>
            </a:r>
            <a:r>
              <a:rPr lang="nb-NO" dirty="0" err="1"/>
              <a:t>model</a:t>
            </a:r>
            <a:r>
              <a:rPr lang="nb-NO" dirty="0"/>
              <a:t> in </a:t>
            </a:r>
            <a:r>
              <a:rPr lang="nb-NO" dirty="0" err="1"/>
              <a:t>pyshop</a:t>
            </a:r>
            <a:r>
              <a:rPr lang="nb-NO" dirty="0"/>
              <a:t>.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inspect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input data, run SHOP and </a:t>
            </a:r>
            <a:r>
              <a:rPr lang="nb-NO" dirty="0" err="1"/>
              <a:t>se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ptimized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. If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still </a:t>
            </a:r>
            <a:r>
              <a:rPr lang="nb-NO" dirty="0" err="1"/>
              <a:t>using</a:t>
            </a:r>
            <a:r>
              <a:rPr lang="nb-NO" dirty="0"/>
              <a:t> ASCII files to </a:t>
            </a:r>
            <a:r>
              <a:rPr lang="nb-NO" dirty="0" err="1"/>
              <a:t>communicat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</a:t>
            </a:r>
            <a:r>
              <a:rPr lang="nb-NO" dirty="0" err="1"/>
              <a:t>core</a:t>
            </a:r>
            <a:r>
              <a:rPr lang="nb-NO" dirty="0"/>
              <a:t>, </a:t>
            </a:r>
            <a:r>
              <a:rPr lang="nb-NO" dirty="0" err="1"/>
              <a:t>there</a:t>
            </a:r>
            <a:r>
              <a:rPr lang="nb-NO" dirty="0"/>
              <a:t> is an </a:t>
            </a:r>
            <a:r>
              <a:rPr lang="nb-NO" dirty="0" err="1"/>
              <a:t>example</a:t>
            </a:r>
            <a:r>
              <a:rPr lang="nb-NO" dirty="0"/>
              <a:t> for </a:t>
            </a:r>
            <a:r>
              <a:rPr lang="nb-NO" dirty="0" err="1"/>
              <a:t>that</a:t>
            </a:r>
            <a:r>
              <a:rPr lang="nb-NO" dirty="0"/>
              <a:t> as </a:t>
            </a:r>
            <a:r>
              <a:rPr lang="nb-NO" dirty="0" err="1"/>
              <a:t>well</a:t>
            </a:r>
            <a:r>
              <a:rPr lang="nb-NO" dirty="0"/>
              <a:t>. The lab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be used to </a:t>
            </a:r>
            <a:r>
              <a:rPr lang="nb-NO" dirty="0" err="1"/>
              <a:t>view</a:t>
            </a:r>
            <a:r>
              <a:rPr lang="nb-NO" dirty="0"/>
              <a:t> and </a:t>
            </a:r>
            <a:r>
              <a:rPr lang="nb-NO" dirty="0" err="1"/>
              <a:t>edi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text</a:t>
            </a:r>
            <a:r>
              <a:rPr lang="nb-NO" dirty="0"/>
              <a:t> </a:t>
            </a:r>
            <a:r>
              <a:rPr lang="nb-NO" dirty="0" err="1"/>
              <a:t>based</a:t>
            </a:r>
            <a:r>
              <a:rPr lang="nb-NO" dirty="0"/>
              <a:t> file. One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big</a:t>
            </a:r>
            <a:r>
              <a:rPr lang="nb-NO" dirty="0"/>
              <a:t> </a:t>
            </a:r>
            <a:r>
              <a:rPr lang="nb-NO" dirty="0" err="1"/>
              <a:t>advantages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Jupyter</a:t>
            </a:r>
            <a:r>
              <a:rPr lang="nb-NO" dirty="0"/>
              <a:t> </a:t>
            </a:r>
            <a:r>
              <a:rPr lang="nb-NO" dirty="0" err="1"/>
              <a:t>notebooks</a:t>
            </a:r>
            <a:r>
              <a:rPr lang="nb-NO" dirty="0"/>
              <a:t> is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bility</a:t>
            </a:r>
            <a:r>
              <a:rPr lang="nb-NO" dirty="0"/>
              <a:t> to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latest and </a:t>
            </a:r>
            <a:r>
              <a:rPr lang="nb-NO" dirty="0" err="1"/>
              <a:t>greate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to </a:t>
            </a:r>
            <a:r>
              <a:rPr lang="nb-NO" dirty="0" err="1"/>
              <a:t>inspect</a:t>
            </a:r>
            <a:r>
              <a:rPr lang="nb-NO" dirty="0"/>
              <a:t> and plot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, for </a:t>
            </a:r>
            <a:r>
              <a:rPr lang="nb-NO" dirty="0" err="1"/>
              <a:t>instance</a:t>
            </a:r>
            <a:r>
              <a:rPr lang="nb-NO" dirty="0"/>
              <a:t> i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 </a:t>
            </a:r>
            <a:r>
              <a:rPr lang="nb-NO" dirty="0" err="1"/>
              <a:t>where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import </a:t>
            </a:r>
            <a:r>
              <a:rPr lang="nb-NO" dirty="0" err="1"/>
              <a:t>price</a:t>
            </a:r>
            <a:r>
              <a:rPr lang="nb-NO" dirty="0"/>
              <a:t> </a:t>
            </a:r>
            <a:r>
              <a:rPr lang="nb-NO" dirty="0" err="1"/>
              <a:t>forecasts</a:t>
            </a:r>
            <a:r>
              <a:rPr lang="nb-NO" dirty="0"/>
              <a:t> from an </a:t>
            </a:r>
            <a:r>
              <a:rPr lang="nb-NO" dirty="0" err="1"/>
              <a:t>excel</a:t>
            </a:r>
            <a:r>
              <a:rPr lang="nb-NO" dirty="0"/>
              <a:t> file and </a:t>
            </a:r>
            <a:r>
              <a:rPr lang="nb-NO" dirty="0" err="1"/>
              <a:t>construct</a:t>
            </a:r>
            <a:r>
              <a:rPr lang="nb-NO" dirty="0"/>
              <a:t> a </a:t>
            </a:r>
            <a:r>
              <a:rPr lang="nb-NO" dirty="0" err="1"/>
              <a:t>multi</a:t>
            </a:r>
            <a:r>
              <a:rPr lang="nb-NO" dirty="0"/>
              <a:t> </a:t>
            </a:r>
            <a:r>
              <a:rPr lang="nb-NO" dirty="0" err="1"/>
              <a:t>price</a:t>
            </a:r>
            <a:r>
              <a:rPr lang="nb-NO" dirty="0"/>
              <a:t> </a:t>
            </a:r>
            <a:r>
              <a:rPr lang="nb-NO" dirty="0" err="1"/>
              <a:t>bid</a:t>
            </a:r>
            <a:r>
              <a:rPr lang="nb-NO" dirty="0"/>
              <a:t> </a:t>
            </a:r>
            <a:r>
              <a:rPr lang="nb-NO" dirty="0" err="1"/>
              <a:t>matrix</a:t>
            </a:r>
            <a:r>
              <a:rPr lang="nb-NO" dirty="0"/>
              <a:t>, </a:t>
            </a:r>
            <a:r>
              <a:rPr lang="nb-NO" dirty="0" err="1"/>
              <a:t>using</a:t>
            </a:r>
            <a:r>
              <a:rPr lang="nb-NO" dirty="0"/>
              <a:t> </a:t>
            </a:r>
            <a:r>
              <a:rPr lang="nb-NO" dirty="0" err="1"/>
              <a:t>Plotly</a:t>
            </a:r>
            <a:r>
              <a:rPr lang="nb-NO" dirty="0"/>
              <a:t> to </a:t>
            </a:r>
            <a:r>
              <a:rPr lang="nb-NO" dirty="0" err="1"/>
              <a:t>inspec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ults</a:t>
            </a:r>
            <a:r>
              <a:rPr lang="nb-NO" dirty="0"/>
              <a:t> in </a:t>
            </a:r>
            <a:r>
              <a:rPr lang="nb-NO" dirty="0" err="1"/>
              <a:t>various</a:t>
            </a:r>
            <a:r>
              <a:rPr lang="nb-NO" dirty="0"/>
              <a:t> </a:t>
            </a:r>
            <a:r>
              <a:rPr lang="nb-NO" dirty="0" err="1"/>
              <a:t>ways</a:t>
            </a:r>
            <a:r>
              <a:rPr lang="nb-NO" dirty="0"/>
              <a:t> </a:t>
            </a:r>
            <a:r>
              <a:rPr lang="nb-NO" dirty="0" err="1"/>
              <a:t>such</a:t>
            </a:r>
            <a:r>
              <a:rPr lang="nb-NO" dirty="0"/>
              <a:t> as line plots, bar plots and heat </a:t>
            </a:r>
            <a:r>
              <a:rPr lang="nb-NO" dirty="0" err="1"/>
              <a:t>maps</a:t>
            </a:r>
            <a:r>
              <a:rPr lang="nb-NO" dirty="0"/>
              <a:t>. </a:t>
            </a:r>
          </a:p>
          <a:p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Visualiz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data is </a:t>
            </a:r>
            <a:r>
              <a:rPr lang="nb-NO" dirty="0" err="1"/>
              <a:t>perhaps</a:t>
            </a:r>
            <a:r>
              <a:rPr lang="nb-NO" dirty="0"/>
              <a:t> </a:t>
            </a:r>
            <a:r>
              <a:rPr lang="nb-NO" dirty="0" err="1"/>
              <a:t>even</a:t>
            </a:r>
            <a:r>
              <a:rPr lang="nb-NO" dirty="0"/>
              <a:t> more </a:t>
            </a:r>
            <a:r>
              <a:rPr lang="nb-NO" dirty="0" err="1"/>
              <a:t>important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it </a:t>
            </a:r>
            <a:r>
              <a:rPr lang="nb-NO" dirty="0" err="1"/>
              <a:t>comes</a:t>
            </a:r>
            <a:r>
              <a:rPr lang="nb-NO" dirty="0"/>
              <a:t> to </a:t>
            </a:r>
            <a:r>
              <a:rPr lang="nb-NO" dirty="0" err="1"/>
              <a:t>cuts</a:t>
            </a:r>
            <a:r>
              <a:rPr lang="nb-NO" dirty="0"/>
              <a:t> and water </a:t>
            </a:r>
            <a:r>
              <a:rPr lang="nb-NO" dirty="0" err="1"/>
              <a:t>values</a:t>
            </a:r>
            <a:r>
              <a:rPr lang="nb-NO" dirty="0"/>
              <a:t>, </a:t>
            </a:r>
            <a:r>
              <a:rPr lang="nb-NO" dirty="0" err="1"/>
              <a:t>which</a:t>
            </a:r>
            <a:r>
              <a:rPr lang="nb-NO" dirty="0"/>
              <a:t> is </a:t>
            </a:r>
            <a:r>
              <a:rPr lang="nb-NO" dirty="0" err="1"/>
              <a:t>something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have an </a:t>
            </a:r>
            <a:r>
              <a:rPr lang="nb-NO" dirty="0" err="1"/>
              <a:t>example</a:t>
            </a:r>
            <a:r>
              <a:rPr lang="nb-NO" dirty="0"/>
              <a:t> for. </a:t>
            </a:r>
            <a:r>
              <a:rPr lang="nb-NO" dirty="0" err="1"/>
              <a:t>Why</a:t>
            </a:r>
            <a:r>
              <a:rPr lang="nb-NO" dirty="0"/>
              <a:t> </a:t>
            </a:r>
            <a:r>
              <a:rPr lang="nb-NO" dirty="0" err="1"/>
              <a:t>don’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try</a:t>
            </a:r>
            <a:r>
              <a:rPr lang="nb-NO" dirty="0"/>
              <a:t> to </a:t>
            </a:r>
            <a:r>
              <a:rPr lang="nb-NO" dirty="0" err="1"/>
              <a:t>illustrat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cuts</a:t>
            </a:r>
            <a:r>
              <a:rPr lang="nb-NO" dirty="0"/>
              <a:t> in a 3D-plane?</a:t>
            </a:r>
          </a:p>
          <a:p>
            <a:endParaRPr lang="nb-NO" dirty="0"/>
          </a:p>
          <a:p>
            <a:r>
              <a:rPr lang="nb-NO" dirty="0"/>
              <a:t>Python, </a:t>
            </a:r>
            <a:r>
              <a:rPr lang="nb-NO" dirty="0" err="1"/>
              <a:t>Jupyter</a:t>
            </a:r>
            <a:r>
              <a:rPr lang="nb-NO" dirty="0"/>
              <a:t> and </a:t>
            </a:r>
            <a:r>
              <a:rPr lang="nb-NO" dirty="0" err="1"/>
              <a:t>pyshop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makes it </a:t>
            </a:r>
            <a:r>
              <a:rPr lang="nb-NO" dirty="0" err="1"/>
              <a:t>easy</a:t>
            </a:r>
            <a:r>
              <a:rPr lang="nb-NO" dirty="0"/>
              <a:t> to be </a:t>
            </a:r>
            <a:r>
              <a:rPr lang="nb-NO" dirty="0" err="1"/>
              <a:t>interactive</a:t>
            </a:r>
            <a:r>
              <a:rPr lang="nb-NO" dirty="0"/>
              <a:t>, for </a:t>
            </a:r>
            <a:r>
              <a:rPr lang="nb-NO" dirty="0" err="1"/>
              <a:t>instance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</a:t>
            </a:r>
            <a:r>
              <a:rPr lang="nb-NO" dirty="0" err="1"/>
              <a:t>illustrate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best </a:t>
            </a:r>
            <a:r>
              <a:rPr lang="nb-NO" dirty="0" err="1"/>
              <a:t>profit</a:t>
            </a:r>
            <a:r>
              <a:rPr lang="nb-NO" dirty="0"/>
              <a:t> </a:t>
            </a:r>
            <a:r>
              <a:rPr lang="nb-NO" dirty="0" err="1"/>
              <a:t>curve</a:t>
            </a:r>
            <a:r>
              <a:rPr lang="nb-NO" dirty="0"/>
              <a:t> for different </a:t>
            </a:r>
            <a:r>
              <a:rPr lang="nb-NO" dirty="0" err="1"/>
              <a:t>hou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day</a:t>
            </a:r>
            <a:r>
              <a:rPr lang="nb-NO" dirty="0"/>
              <a:t>. And </a:t>
            </a:r>
            <a:r>
              <a:rPr lang="nb-NO" dirty="0" err="1"/>
              <a:t>why</a:t>
            </a:r>
            <a:r>
              <a:rPr lang="nb-NO" dirty="0"/>
              <a:t> not make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built</a:t>
            </a:r>
            <a:r>
              <a:rPr lang="nb-NO" dirty="0"/>
              <a:t> in </a:t>
            </a:r>
            <a:r>
              <a:rPr lang="nb-NO" dirty="0" err="1"/>
              <a:t>function</a:t>
            </a:r>
            <a:r>
              <a:rPr lang="nb-NO" dirty="0"/>
              <a:t> for plotting </a:t>
            </a:r>
            <a:r>
              <a:rPr lang="nb-NO" dirty="0" err="1"/>
              <a:t>your</a:t>
            </a:r>
            <a:r>
              <a:rPr lang="nb-NO" dirty="0"/>
              <a:t> water </a:t>
            </a:r>
            <a:r>
              <a:rPr lang="nb-NO" dirty="0" err="1"/>
              <a:t>course</a:t>
            </a:r>
            <a:r>
              <a:rPr lang="nb-NO" dirty="0"/>
              <a:t>, and </a:t>
            </a:r>
            <a:r>
              <a:rPr lang="nb-NO" dirty="0" err="1"/>
              <a:t>applying</a:t>
            </a:r>
            <a:r>
              <a:rPr lang="nb-NO" dirty="0"/>
              <a:t> </a:t>
            </a:r>
            <a:r>
              <a:rPr lang="nb-NO" dirty="0" err="1"/>
              <a:t>some</a:t>
            </a:r>
            <a:r>
              <a:rPr lang="nb-NO" dirty="0"/>
              <a:t> </a:t>
            </a:r>
            <a:r>
              <a:rPr lang="nb-NO" dirty="0" err="1"/>
              <a:t>interactive</a:t>
            </a:r>
            <a:r>
              <a:rPr lang="nb-NO" dirty="0"/>
              <a:t> elements </a:t>
            </a:r>
            <a:r>
              <a:rPr lang="nb-NO" dirty="0" err="1"/>
              <a:t>on</a:t>
            </a:r>
            <a:r>
              <a:rPr lang="nb-NO" dirty="0"/>
              <a:t> it – to </a:t>
            </a:r>
            <a:r>
              <a:rPr lang="nb-NO" dirty="0" err="1"/>
              <a:t>lillustrat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reservoir</a:t>
            </a:r>
            <a:r>
              <a:rPr lang="nb-NO" dirty="0"/>
              <a:t> </a:t>
            </a:r>
            <a:r>
              <a:rPr lang="nb-NO" dirty="0" err="1"/>
              <a:t>levels</a:t>
            </a:r>
            <a:r>
              <a:rPr lang="nb-NO" dirty="0"/>
              <a:t> in time, by </a:t>
            </a:r>
            <a:r>
              <a:rPr lang="nb-NO" dirty="0" err="1"/>
              <a:t>dragging</a:t>
            </a:r>
            <a:r>
              <a:rPr lang="nb-NO" dirty="0"/>
              <a:t> a </a:t>
            </a:r>
            <a:r>
              <a:rPr lang="nb-NO" dirty="0" err="1"/>
              <a:t>slider</a:t>
            </a:r>
            <a:r>
              <a:rPr lang="nb-NO" dirty="0"/>
              <a:t>?</a:t>
            </a:r>
          </a:p>
          <a:p>
            <a:endParaRPr lang="nb-NO" dirty="0"/>
          </a:p>
          <a:p>
            <a:r>
              <a:rPr lang="nb-NO" dirty="0" err="1"/>
              <a:t>Thes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here</a:t>
            </a:r>
            <a:r>
              <a:rPr lang="nb-NO" dirty="0"/>
              <a:t> as a </a:t>
            </a:r>
            <a:r>
              <a:rPr lang="nb-NO" dirty="0" err="1"/>
              <a:t>way</a:t>
            </a:r>
            <a:r>
              <a:rPr lang="nb-NO" dirty="0"/>
              <a:t> to </a:t>
            </a:r>
            <a:r>
              <a:rPr lang="nb-NO" dirty="0" err="1"/>
              <a:t>inspire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hen</a:t>
            </a:r>
            <a:r>
              <a:rPr lang="nb-NO" dirty="0"/>
              <a:t> </a:t>
            </a:r>
            <a:r>
              <a:rPr lang="nb-NO" dirty="0" err="1"/>
              <a:t>building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 in SHOP. If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base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work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a </a:t>
            </a:r>
            <a:r>
              <a:rPr lang="nb-NO" dirty="0" err="1"/>
              <a:t>current</a:t>
            </a:r>
            <a:r>
              <a:rPr lang="nb-NO" dirty="0"/>
              <a:t> </a:t>
            </a:r>
            <a:r>
              <a:rPr lang="nb-NO" dirty="0" err="1"/>
              <a:t>example</a:t>
            </a:r>
            <a:r>
              <a:rPr lang="nb-NO" dirty="0"/>
              <a:t>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simply</a:t>
            </a:r>
            <a:r>
              <a:rPr lang="nb-NO" dirty="0"/>
              <a:t> </a:t>
            </a:r>
            <a:r>
              <a:rPr lang="nb-NO" dirty="0" err="1"/>
              <a:t>copy</a:t>
            </a:r>
            <a:r>
              <a:rPr lang="nb-NO" dirty="0"/>
              <a:t> it </a:t>
            </a:r>
            <a:r>
              <a:rPr lang="nb-NO" dirty="0" err="1"/>
              <a:t>ou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folder and </a:t>
            </a:r>
            <a:r>
              <a:rPr lang="nb-NO" dirty="0" err="1"/>
              <a:t>into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own</a:t>
            </a:r>
            <a:r>
              <a:rPr lang="nb-NO" dirty="0"/>
              <a:t> </a:t>
            </a:r>
            <a:r>
              <a:rPr lang="nb-NO" dirty="0" err="1"/>
              <a:t>home</a:t>
            </a:r>
            <a:r>
              <a:rPr lang="nb-NO" dirty="0"/>
              <a:t> </a:t>
            </a:r>
            <a:r>
              <a:rPr lang="nb-NO" dirty="0" err="1"/>
              <a:t>directory</a:t>
            </a:r>
            <a:r>
              <a:rPr lang="nb-NO" dirty="0"/>
              <a:t>, </a:t>
            </a:r>
            <a:r>
              <a:rPr lang="nb-NO" dirty="0" err="1"/>
              <a:t>andmodify</a:t>
            </a:r>
            <a:r>
              <a:rPr lang="nb-NO" dirty="0"/>
              <a:t> it as </a:t>
            </a:r>
            <a:r>
              <a:rPr lang="nb-NO" dirty="0" err="1"/>
              <a:t>necessasry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start </a:t>
            </a:r>
            <a:r>
              <a:rPr lang="nb-NO" dirty="0" err="1"/>
              <a:t>fresh</a:t>
            </a:r>
            <a:r>
              <a:rPr lang="nb-NO" dirty="0"/>
              <a:t>,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course</a:t>
            </a:r>
            <a:r>
              <a:rPr lang="nb-NO" dirty="0"/>
              <a:t>, and </a:t>
            </a:r>
            <a:r>
              <a:rPr lang="nb-NO" dirty="0" err="1"/>
              <a:t>modify</a:t>
            </a:r>
            <a:r>
              <a:rPr lang="nb-NO" dirty="0"/>
              <a:t> </a:t>
            </a:r>
            <a:r>
              <a:rPr lang="nb-NO" dirty="0" err="1"/>
              <a:t>your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as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ould</a:t>
            </a:r>
            <a:r>
              <a:rPr lang="nb-NO" dirty="0"/>
              <a:t> like </a:t>
            </a:r>
            <a:r>
              <a:rPr lang="nb-NO" dirty="0" err="1"/>
              <a:t>through</a:t>
            </a:r>
            <a:r>
              <a:rPr lang="nb-NO" dirty="0"/>
              <a:t> terminal </a:t>
            </a:r>
            <a:r>
              <a:rPr lang="nb-NO" dirty="0" err="1"/>
              <a:t>commands</a:t>
            </a:r>
            <a:r>
              <a:rPr lang="nb-NO" dirty="0"/>
              <a:t> or by </a:t>
            </a:r>
            <a:r>
              <a:rPr lang="nb-NO" dirty="0" err="1"/>
              <a:t>other</a:t>
            </a:r>
            <a:r>
              <a:rPr lang="nb-NO" dirty="0"/>
              <a:t> lab </a:t>
            </a:r>
            <a:r>
              <a:rPr lang="nb-NO" dirty="0" err="1"/>
              <a:t>extensions</a:t>
            </a:r>
            <a:r>
              <a:rPr lang="nb-NO" dirty="0"/>
              <a:t>. The </a:t>
            </a:r>
            <a:r>
              <a:rPr lang="nb-NO" dirty="0" err="1"/>
              <a:t>possiblilties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endless</a:t>
            </a:r>
            <a:r>
              <a:rPr lang="nb-NO" dirty="0"/>
              <a:t> </a:t>
            </a:r>
            <a:r>
              <a:rPr lang="nb-NO" dirty="0" err="1"/>
              <a:t>here</a:t>
            </a:r>
            <a:r>
              <a:rPr lang="nb-NO" dirty="0"/>
              <a:t>, and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make sure to </a:t>
            </a:r>
            <a:r>
              <a:rPr lang="nb-NO" dirty="0" err="1"/>
              <a:t>provide</a:t>
            </a:r>
            <a:r>
              <a:rPr lang="nb-NO" dirty="0"/>
              <a:t> as </a:t>
            </a:r>
            <a:r>
              <a:rPr lang="nb-NO" dirty="0" err="1"/>
              <a:t>many</a:t>
            </a:r>
            <a:r>
              <a:rPr lang="nb-NO" dirty="0"/>
              <a:t> </a:t>
            </a:r>
            <a:r>
              <a:rPr lang="nb-NO" dirty="0" err="1"/>
              <a:t>neat</a:t>
            </a:r>
            <a:r>
              <a:rPr lang="nb-NO" dirty="0"/>
              <a:t> </a:t>
            </a:r>
            <a:r>
              <a:rPr lang="nb-NO" dirty="0" err="1"/>
              <a:t>features</a:t>
            </a:r>
            <a:r>
              <a:rPr lang="nb-NO" dirty="0"/>
              <a:t> as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moving</a:t>
            </a:r>
            <a:r>
              <a:rPr lang="nb-NO" dirty="0"/>
              <a:t> on.</a:t>
            </a:r>
          </a:p>
          <a:p>
            <a:endParaRPr lang="nb-NO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8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047006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err="1"/>
              <a:t>Now</a:t>
            </a:r>
            <a:r>
              <a:rPr lang="nb-NO" dirty="0"/>
              <a:t>, I </a:t>
            </a:r>
            <a:r>
              <a:rPr lang="nb-NO" dirty="0" err="1"/>
              <a:t>would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briefkly</a:t>
            </a:r>
            <a:r>
              <a:rPr lang="nb-NO" dirty="0"/>
              <a:t> like to </a:t>
            </a:r>
            <a:r>
              <a:rPr lang="nb-NO" dirty="0" err="1"/>
              <a:t>mention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have </a:t>
            </a:r>
            <a:r>
              <a:rPr lang="nb-NO" dirty="0" err="1"/>
              <a:t>started</a:t>
            </a:r>
            <a:r>
              <a:rPr lang="nb-NO" dirty="0"/>
              <a:t> to host </a:t>
            </a:r>
            <a:r>
              <a:rPr lang="nb-NO" dirty="0" err="1"/>
              <a:t>certain</a:t>
            </a:r>
            <a:r>
              <a:rPr lang="nb-NO" dirty="0"/>
              <a:t> parts </a:t>
            </a:r>
            <a:r>
              <a:rPr lang="nb-NO" dirty="0" err="1"/>
              <a:t>of</a:t>
            </a:r>
            <a:r>
              <a:rPr lang="nb-NO" dirty="0"/>
              <a:t> SHOP </a:t>
            </a:r>
            <a:r>
              <a:rPr lang="nb-NO" dirty="0" err="1"/>
              <a:t>publicly</a:t>
            </a:r>
            <a:r>
              <a:rPr lang="nb-NO" dirty="0"/>
              <a:t>, </a:t>
            </a:r>
            <a:r>
              <a:rPr lang="nb-NO" dirty="0" err="1"/>
              <a:t>both</a:t>
            </a:r>
            <a:r>
              <a:rPr lang="nb-NO" dirty="0"/>
              <a:t> to </a:t>
            </a:r>
            <a:r>
              <a:rPr lang="nb-NO" dirty="0" err="1"/>
              <a:t>encourage</a:t>
            </a:r>
            <a:r>
              <a:rPr lang="nb-NO" dirty="0"/>
              <a:t> </a:t>
            </a:r>
            <a:r>
              <a:rPr lang="nb-NO" dirty="0" err="1"/>
              <a:t>collaboration</a:t>
            </a:r>
            <a:r>
              <a:rPr lang="nb-NO" dirty="0"/>
              <a:t>, </a:t>
            </a:r>
            <a:r>
              <a:rPr lang="nb-NO" dirty="0" err="1"/>
              <a:t>but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to </a:t>
            </a:r>
            <a:r>
              <a:rPr lang="nb-NO" dirty="0" err="1"/>
              <a:t>improve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onsistancy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files and data </a:t>
            </a:r>
            <a:r>
              <a:rPr lang="nb-NO" dirty="0" err="1"/>
              <a:t>across</a:t>
            </a:r>
            <a:r>
              <a:rPr lang="nb-NO" dirty="0"/>
              <a:t> </a:t>
            </a:r>
            <a:r>
              <a:rPr lang="nb-NO" dirty="0" err="1"/>
              <a:t>platforms</a:t>
            </a:r>
            <a:r>
              <a:rPr lang="nb-NO" dirty="0"/>
              <a:t>, and </a:t>
            </a:r>
            <a:r>
              <a:rPr lang="nb-NO" dirty="0" err="1"/>
              <a:t>thereby</a:t>
            </a:r>
            <a:r>
              <a:rPr lang="nb-NO" dirty="0"/>
              <a:t>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reducing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amou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maintance</a:t>
            </a:r>
            <a:r>
              <a:rPr lang="nb-NO" dirty="0"/>
              <a:t> </a:t>
            </a:r>
            <a:r>
              <a:rPr lang="nb-NO" dirty="0" err="1"/>
              <a:t>needed</a:t>
            </a:r>
            <a:r>
              <a:rPr lang="nb-NO" dirty="0"/>
              <a:t>. On </a:t>
            </a:r>
            <a:r>
              <a:rPr lang="nb-NO" dirty="0" err="1"/>
              <a:t>github</a:t>
            </a:r>
            <a:r>
              <a:rPr lang="nb-NO" dirty="0"/>
              <a:t>,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now</a:t>
            </a:r>
            <a:r>
              <a:rPr lang="nb-NO" dirty="0"/>
              <a:t>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us</a:t>
            </a:r>
            <a:r>
              <a:rPr lang="nb-NO" dirty="0"/>
              <a:t> at sintef-</a:t>
            </a:r>
            <a:r>
              <a:rPr lang="nb-NO" dirty="0" err="1"/>
              <a:t>energy</a:t>
            </a:r>
            <a:r>
              <a:rPr lang="nb-NO" dirty="0"/>
              <a:t>, </a:t>
            </a:r>
            <a:r>
              <a:rPr lang="nb-NO" dirty="0" err="1"/>
              <a:t>where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among</a:t>
            </a:r>
            <a:r>
              <a:rPr lang="nb-NO" dirty="0"/>
              <a:t> </a:t>
            </a:r>
            <a:r>
              <a:rPr lang="nb-NO" dirty="0" err="1"/>
              <a:t>other</a:t>
            </a:r>
            <a:r>
              <a:rPr lang="nb-NO" dirty="0"/>
              <a:t> </a:t>
            </a:r>
            <a:r>
              <a:rPr lang="nb-NO" dirty="0" err="1"/>
              <a:t>things</a:t>
            </a:r>
            <a:r>
              <a:rPr lang="nb-NO" dirty="0"/>
              <a:t> host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synced</a:t>
            </a:r>
            <a:r>
              <a:rPr lang="nb-NO" dirty="0"/>
              <a:t> to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virtual</a:t>
            </a:r>
            <a:r>
              <a:rPr lang="nb-NO" dirty="0"/>
              <a:t> lab. The same </a:t>
            </a:r>
            <a:r>
              <a:rPr lang="nb-NO" dirty="0" err="1"/>
              <a:t>notebook</a:t>
            </a:r>
            <a:r>
              <a:rPr lang="nb-NO" dirty="0"/>
              <a:t> files </a:t>
            </a:r>
            <a:r>
              <a:rPr lang="nb-NO" dirty="0" err="1"/>
              <a:t>are</a:t>
            </a:r>
            <a:r>
              <a:rPr lang="nb-NO" dirty="0"/>
              <a:t>, </a:t>
            </a:r>
            <a:r>
              <a:rPr lang="nb-NO" dirty="0" err="1"/>
              <a:t>without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duplication</a:t>
            </a:r>
            <a:r>
              <a:rPr lang="nb-NO" dirty="0"/>
              <a:t> or manual </a:t>
            </a:r>
            <a:r>
              <a:rPr lang="nb-NO" dirty="0" err="1"/>
              <a:t>process</a:t>
            </a:r>
            <a:r>
              <a:rPr lang="nb-NO" dirty="0"/>
              <a:t> </a:t>
            </a:r>
            <a:r>
              <a:rPr lang="nb-NO" dirty="0" err="1"/>
              <a:t>whatsover</a:t>
            </a:r>
            <a:r>
              <a:rPr lang="nb-NO" dirty="0"/>
              <a:t>, used as </a:t>
            </a:r>
            <a:r>
              <a:rPr lang="nb-NO" dirty="0" err="1"/>
              <a:t>rendered</a:t>
            </a:r>
            <a:r>
              <a:rPr lang="nb-NO" dirty="0"/>
              <a:t> html </a:t>
            </a:r>
            <a:r>
              <a:rPr lang="nb-NO" dirty="0" err="1"/>
              <a:t>versions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SHOP Portal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a </a:t>
            </a:r>
            <a:r>
              <a:rPr lang="nb-NO" dirty="0" err="1"/>
              <a:t>neat</a:t>
            </a:r>
            <a:r>
              <a:rPr lang="nb-NO" dirty="0"/>
              <a:t> </a:t>
            </a:r>
            <a:r>
              <a:rPr lang="nb-NO" dirty="0" err="1"/>
              <a:t>tool</a:t>
            </a:r>
            <a:r>
              <a:rPr lang="nb-NO" dirty="0"/>
              <a:t> </a:t>
            </a:r>
            <a:r>
              <a:rPr lang="nb-NO" dirty="0" err="1"/>
              <a:t>named</a:t>
            </a:r>
            <a:r>
              <a:rPr lang="nb-NO" dirty="0"/>
              <a:t> </a:t>
            </a:r>
            <a:r>
              <a:rPr lang="nb-NO" dirty="0" err="1"/>
              <a:t>nbviewer</a:t>
            </a:r>
            <a:r>
              <a:rPr lang="nb-NO" dirty="0"/>
              <a:t>. This </a:t>
            </a:r>
            <a:r>
              <a:rPr lang="nb-NO" dirty="0" err="1"/>
              <a:t>means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edit</a:t>
            </a:r>
            <a:r>
              <a:rPr lang="nb-NO" dirty="0"/>
              <a:t> or </a:t>
            </a: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new</a:t>
            </a:r>
            <a:r>
              <a:rPr lang="nb-NO" dirty="0"/>
              <a:t> </a:t>
            </a:r>
            <a:r>
              <a:rPr lang="nb-NO" dirty="0" err="1"/>
              <a:t>examples</a:t>
            </a:r>
            <a:r>
              <a:rPr lang="nb-NO" dirty="0"/>
              <a:t> in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git</a:t>
            </a:r>
            <a:r>
              <a:rPr lang="nb-NO" dirty="0"/>
              <a:t> </a:t>
            </a:r>
            <a:r>
              <a:rPr lang="nb-NO" dirty="0" err="1"/>
              <a:t>repository</a:t>
            </a:r>
            <a:r>
              <a:rPr lang="nb-NO" dirty="0"/>
              <a:t>, </a:t>
            </a:r>
            <a:r>
              <a:rPr lang="nb-NO" dirty="0" err="1"/>
              <a:t>either</a:t>
            </a:r>
            <a:r>
              <a:rPr lang="nb-NO" dirty="0"/>
              <a:t> </a:t>
            </a:r>
            <a:r>
              <a:rPr lang="nb-NO" dirty="0" err="1"/>
              <a:t>directly</a:t>
            </a:r>
            <a:r>
              <a:rPr lang="nb-NO" dirty="0"/>
              <a:t> in </a:t>
            </a:r>
            <a:r>
              <a:rPr lang="nb-NO" dirty="0" err="1"/>
              <a:t>the</a:t>
            </a:r>
            <a:r>
              <a:rPr lang="nb-NO" dirty="0"/>
              <a:t> web </a:t>
            </a:r>
            <a:r>
              <a:rPr lang="nb-NO" dirty="0" err="1"/>
              <a:t>interface</a:t>
            </a:r>
            <a:r>
              <a:rPr lang="nb-NO" dirty="0"/>
              <a:t> or </a:t>
            </a:r>
            <a:r>
              <a:rPr lang="nb-NO" dirty="0" err="1"/>
              <a:t>through</a:t>
            </a:r>
            <a:r>
              <a:rPr lang="nb-NO" dirty="0"/>
              <a:t> </a:t>
            </a:r>
            <a:r>
              <a:rPr lang="nb-NO" dirty="0" err="1"/>
              <a:t>any</a:t>
            </a:r>
            <a:r>
              <a:rPr lang="nb-NO" dirty="0"/>
              <a:t> </a:t>
            </a:r>
            <a:r>
              <a:rPr lang="nb-NO" dirty="0" err="1"/>
              <a:t>other</a:t>
            </a:r>
            <a:r>
              <a:rPr lang="nb-NO" dirty="0"/>
              <a:t> </a:t>
            </a:r>
            <a:r>
              <a:rPr lang="nb-NO" dirty="0" err="1"/>
              <a:t>development</a:t>
            </a:r>
            <a:r>
              <a:rPr lang="nb-NO" dirty="0"/>
              <a:t> </a:t>
            </a:r>
            <a:r>
              <a:rPr lang="nb-NO" dirty="0" err="1"/>
              <a:t>tool</a:t>
            </a:r>
            <a:r>
              <a:rPr lang="nb-NO" dirty="0"/>
              <a:t>,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changes</a:t>
            </a:r>
            <a:r>
              <a:rPr lang="nb-NO" dirty="0"/>
              <a:t> </a:t>
            </a:r>
            <a:r>
              <a:rPr lang="nb-NO" dirty="0" err="1"/>
              <a:t>will</a:t>
            </a:r>
            <a:r>
              <a:rPr lang="nb-NO" dirty="0"/>
              <a:t> be </a:t>
            </a:r>
            <a:r>
              <a:rPr lang="nb-NO" dirty="0" err="1"/>
              <a:t>visisble</a:t>
            </a:r>
            <a:r>
              <a:rPr lang="nb-NO" dirty="0"/>
              <a:t> </a:t>
            </a:r>
            <a:r>
              <a:rPr lang="nb-NO" dirty="0" err="1"/>
              <a:t>immediately</a:t>
            </a:r>
            <a:r>
              <a:rPr lang="nb-NO" dirty="0"/>
              <a:t> </a:t>
            </a:r>
            <a:r>
              <a:rPr lang="nb-NO" dirty="0" err="1"/>
              <a:t>both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virtual</a:t>
            </a:r>
            <a:r>
              <a:rPr lang="nb-NO" dirty="0"/>
              <a:t> lab and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portal </a:t>
            </a:r>
            <a:r>
              <a:rPr lang="nb-NO" dirty="0" err="1"/>
              <a:t>automagically</a:t>
            </a:r>
            <a:r>
              <a:rPr lang="nb-NO" dirty="0"/>
              <a:t>. </a:t>
            </a:r>
            <a:r>
              <a:rPr lang="nb-NO" dirty="0" err="1"/>
              <a:t>We</a:t>
            </a:r>
            <a:r>
              <a:rPr lang="nb-NO" dirty="0"/>
              <a:t> have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separated</a:t>
            </a:r>
            <a:r>
              <a:rPr lang="nb-NO" dirty="0"/>
              <a:t> </a:t>
            </a:r>
            <a:r>
              <a:rPr lang="nb-NO" dirty="0" err="1"/>
              <a:t>pyshop</a:t>
            </a:r>
            <a:r>
              <a:rPr lang="nb-NO" dirty="0"/>
              <a:t> from </a:t>
            </a:r>
            <a:r>
              <a:rPr lang="nb-NO" dirty="0" err="1"/>
              <a:t>the</a:t>
            </a:r>
            <a:r>
              <a:rPr lang="nb-NO" dirty="0"/>
              <a:t> SHOP </a:t>
            </a:r>
            <a:r>
              <a:rPr lang="nb-NO" dirty="0" err="1"/>
              <a:t>core</a:t>
            </a:r>
            <a:r>
              <a:rPr lang="nb-NO" dirty="0"/>
              <a:t>, and it is </a:t>
            </a:r>
            <a:r>
              <a:rPr lang="nb-NO" dirty="0" err="1"/>
              <a:t>now</a:t>
            </a:r>
            <a:r>
              <a:rPr lang="nb-NO" dirty="0"/>
              <a:t> </a:t>
            </a:r>
            <a:r>
              <a:rPr lang="nb-NO" dirty="0" err="1"/>
              <a:t>available</a:t>
            </a:r>
            <a:r>
              <a:rPr lang="nb-NO" dirty="0"/>
              <a:t>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github</a:t>
            </a:r>
            <a:r>
              <a:rPr lang="nb-NO" dirty="0"/>
              <a:t> as </a:t>
            </a:r>
            <a:r>
              <a:rPr lang="nb-NO" dirty="0" err="1"/>
              <a:t>well</a:t>
            </a:r>
            <a:r>
              <a:rPr lang="nb-NO" dirty="0"/>
              <a:t>, </a:t>
            </a:r>
            <a:r>
              <a:rPr lang="nb-NO" dirty="0" err="1"/>
              <a:t>meaning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contribute</a:t>
            </a:r>
            <a:r>
              <a:rPr lang="nb-NO" dirty="0"/>
              <a:t> to it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have </a:t>
            </a:r>
            <a:r>
              <a:rPr lang="nb-NO" dirty="0" err="1"/>
              <a:t>specific</a:t>
            </a:r>
            <a:r>
              <a:rPr lang="nb-NO" dirty="0"/>
              <a:t> </a:t>
            </a:r>
            <a:r>
              <a:rPr lang="nb-NO" dirty="0" err="1"/>
              <a:t>suggestions</a:t>
            </a:r>
            <a:r>
              <a:rPr lang="nb-NO" dirty="0"/>
              <a:t>. It is </a:t>
            </a:r>
            <a:r>
              <a:rPr lang="nb-NO" dirty="0" err="1"/>
              <a:t>also</a:t>
            </a:r>
            <a:r>
              <a:rPr lang="nb-NO" dirty="0"/>
              <a:t> </a:t>
            </a:r>
            <a:r>
              <a:rPr lang="nb-NO" dirty="0" err="1"/>
              <a:t>publicly</a:t>
            </a:r>
            <a:r>
              <a:rPr lang="nb-NO" dirty="0"/>
              <a:t> </a:t>
            </a:r>
            <a:r>
              <a:rPr lang="nb-NO" dirty="0" err="1"/>
              <a:t>available</a:t>
            </a:r>
            <a:r>
              <a:rPr lang="nb-NO" dirty="0"/>
              <a:t> as an </a:t>
            </a:r>
            <a:r>
              <a:rPr lang="nb-NO" dirty="0" err="1"/>
              <a:t>official</a:t>
            </a:r>
            <a:r>
              <a:rPr lang="nb-NO" dirty="0"/>
              <a:t> </a:t>
            </a:r>
            <a:r>
              <a:rPr lang="nb-NO" dirty="0" err="1"/>
              <a:t>python</a:t>
            </a:r>
            <a:r>
              <a:rPr lang="nb-NO" dirty="0"/>
              <a:t> </a:t>
            </a:r>
            <a:r>
              <a:rPr lang="nb-NO" dirty="0" err="1"/>
              <a:t>package</a:t>
            </a:r>
            <a:r>
              <a:rPr lang="nb-NO" dirty="0"/>
              <a:t>,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means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</a:t>
            </a:r>
            <a:r>
              <a:rPr lang="nb-NO" dirty="0" err="1"/>
              <a:t>simply</a:t>
            </a:r>
            <a:r>
              <a:rPr lang="nb-NO" dirty="0"/>
              <a:t> </a:t>
            </a:r>
            <a:r>
              <a:rPr lang="nb-NO" dirty="0" err="1"/>
              <a:t>use</a:t>
            </a:r>
            <a:r>
              <a:rPr lang="nb-NO" dirty="0"/>
              <a:t> </a:t>
            </a:r>
            <a:r>
              <a:rPr lang="nb-NO" dirty="0" err="1"/>
              <a:t>this</a:t>
            </a:r>
            <a:r>
              <a:rPr lang="nb-NO" dirty="0"/>
              <a:t> </a:t>
            </a:r>
            <a:r>
              <a:rPr lang="nb-NO" dirty="0" err="1"/>
              <a:t>command</a:t>
            </a:r>
            <a:r>
              <a:rPr lang="nb-NO" dirty="0"/>
              <a:t> to </a:t>
            </a:r>
            <a:r>
              <a:rPr lang="nb-NO" dirty="0" err="1"/>
              <a:t>install</a:t>
            </a:r>
            <a:r>
              <a:rPr lang="nb-NO" dirty="0"/>
              <a:t> it to </a:t>
            </a:r>
            <a:r>
              <a:rPr lang="nb-NO" dirty="0" err="1"/>
              <a:t>whichever</a:t>
            </a:r>
            <a:r>
              <a:rPr lang="nb-NO" dirty="0"/>
              <a:t> </a:t>
            </a:r>
            <a:r>
              <a:rPr lang="nb-NO" dirty="0" err="1"/>
              <a:t>environment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like.</a:t>
            </a:r>
          </a:p>
          <a:p>
            <a:endParaRPr lang="nb-NO" dirty="0"/>
          </a:p>
          <a:p>
            <a:r>
              <a:rPr lang="nb-NO" dirty="0"/>
              <a:t>So to sum up,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strive</a:t>
            </a:r>
            <a:r>
              <a:rPr lang="nb-NO" dirty="0"/>
              <a:t> to </a:t>
            </a:r>
            <a:r>
              <a:rPr lang="nb-NO" dirty="0" err="1"/>
              <a:t>always</a:t>
            </a:r>
            <a:r>
              <a:rPr lang="nb-NO" dirty="0"/>
              <a:t> </a:t>
            </a:r>
            <a:r>
              <a:rPr lang="nb-NO" dirty="0" err="1"/>
              <a:t>improve</a:t>
            </a:r>
            <a:r>
              <a:rPr lang="nb-NO" dirty="0"/>
              <a:t> </a:t>
            </a:r>
            <a:r>
              <a:rPr lang="nb-NO" dirty="0" err="1"/>
              <a:t>how</a:t>
            </a:r>
            <a:r>
              <a:rPr lang="nb-NO" dirty="0"/>
              <a:t> </a:t>
            </a:r>
            <a:r>
              <a:rPr lang="nb-NO" dirty="0" err="1"/>
              <a:t>we</a:t>
            </a:r>
            <a:r>
              <a:rPr lang="nb-NO" dirty="0"/>
              <a:t> </a:t>
            </a:r>
            <a:r>
              <a:rPr lang="nb-NO" dirty="0" err="1"/>
              <a:t>communicate</a:t>
            </a:r>
            <a:r>
              <a:rPr lang="nb-NO" dirty="0"/>
              <a:t> and </a:t>
            </a:r>
            <a:r>
              <a:rPr lang="nb-NO" dirty="0" err="1"/>
              <a:t>collaborate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users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ur</a:t>
            </a:r>
            <a:r>
              <a:rPr lang="nb-NO" dirty="0"/>
              <a:t> </a:t>
            </a:r>
            <a:r>
              <a:rPr lang="nb-NO" dirty="0" err="1"/>
              <a:t>models</a:t>
            </a:r>
            <a:r>
              <a:rPr lang="nb-NO" dirty="0"/>
              <a:t>, and </a:t>
            </a:r>
            <a:r>
              <a:rPr lang="nb-NO" dirty="0" err="1"/>
              <a:t>we</a:t>
            </a:r>
            <a:r>
              <a:rPr lang="nb-NO" dirty="0"/>
              <a:t> hope to </a:t>
            </a:r>
            <a:r>
              <a:rPr lang="nb-NO" dirty="0" err="1"/>
              <a:t>find</a:t>
            </a:r>
            <a:r>
              <a:rPr lang="nb-NO" dirty="0"/>
              <a:t> </a:t>
            </a:r>
            <a:r>
              <a:rPr lang="nb-NO" dirty="0" err="1"/>
              <a:t>even</a:t>
            </a:r>
            <a:r>
              <a:rPr lang="nb-NO" dirty="0"/>
              <a:t> more </a:t>
            </a:r>
            <a:r>
              <a:rPr lang="nb-NO" dirty="0" err="1"/>
              <a:t>ways</a:t>
            </a:r>
            <a:r>
              <a:rPr lang="nb-NO" dirty="0"/>
              <a:t> to do so in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future</a:t>
            </a:r>
            <a:r>
              <a:rPr lang="nb-NO" dirty="0"/>
              <a:t>.</a:t>
            </a:r>
          </a:p>
          <a:p>
            <a:endParaRPr lang="nb-NO" dirty="0"/>
          </a:p>
          <a:p>
            <a:r>
              <a:rPr lang="nb-NO" dirty="0"/>
              <a:t>If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want</a:t>
            </a:r>
            <a:r>
              <a:rPr lang="nb-NO" dirty="0"/>
              <a:t> to test </a:t>
            </a:r>
            <a:r>
              <a:rPr lang="nb-NO" dirty="0" err="1"/>
              <a:t>out</a:t>
            </a:r>
            <a:r>
              <a:rPr lang="nb-NO" dirty="0"/>
              <a:t> </a:t>
            </a:r>
            <a:r>
              <a:rPr lang="nb-NO" dirty="0" err="1"/>
              <a:t>the</a:t>
            </a:r>
            <a:r>
              <a:rPr lang="nb-NO" dirty="0"/>
              <a:t> </a:t>
            </a:r>
            <a:r>
              <a:rPr lang="nb-NO" dirty="0" err="1"/>
              <a:t>new</a:t>
            </a:r>
            <a:r>
              <a:rPr lang="nb-NO" dirty="0"/>
              <a:t> </a:t>
            </a:r>
            <a:r>
              <a:rPr lang="nb-NO" dirty="0" err="1"/>
              <a:t>virtual</a:t>
            </a:r>
            <a:r>
              <a:rPr lang="nb-NO" dirty="0"/>
              <a:t> lab, or </a:t>
            </a:r>
            <a:r>
              <a:rPr lang="nb-NO" dirty="0" err="1"/>
              <a:t>read</a:t>
            </a:r>
            <a:r>
              <a:rPr lang="nb-NO" dirty="0"/>
              <a:t> up </a:t>
            </a:r>
            <a:r>
              <a:rPr lang="nb-NO" dirty="0" err="1"/>
              <a:t>on</a:t>
            </a:r>
            <a:r>
              <a:rPr lang="nb-NO" dirty="0"/>
              <a:t> </a:t>
            </a:r>
            <a:r>
              <a:rPr lang="nb-NO" dirty="0" err="1"/>
              <a:t>anything</a:t>
            </a:r>
            <a:r>
              <a:rPr lang="nb-NO" dirty="0"/>
              <a:t> </a:t>
            </a:r>
            <a:r>
              <a:rPr lang="nb-NO" dirty="0" err="1"/>
              <a:t>else</a:t>
            </a:r>
            <a:r>
              <a:rPr lang="nb-NO" dirty="0"/>
              <a:t> </a:t>
            </a:r>
            <a:r>
              <a:rPr lang="nb-NO" dirty="0" err="1"/>
              <a:t>regarding</a:t>
            </a:r>
            <a:r>
              <a:rPr lang="nb-NO" dirty="0"/>
              <a:t> SHOP, </a:t>
            </a:r>
            <a:r>
              <a:rPr lang="nb-NO" dirty="0" err="1"/>
              <a:t>there</a:t>
            </a:r>
            <a:r>
              <a:rPr lang="nb-NO" dirty="0"/>
              <a:t> is </a:t>
            </a:r>
            <a:r>
              <a:rPr lang="nb-NO" dirty="0" err="1"/>
              <a:t>one</a:t>
            </a:r>
            <a:r>
              <a:rPr lang="nb-NO" dirty="0"/>
              <a:t> single </a:t>
            </a:r>
            <a:r>
              <a:rPr lang="nb-NO" dirty="0" err="1"/>
              <a:t>point</a:t>
            </a:r>
            <a:r>
              <a:rPr lang="nb-NO" dirty="0"/>
              <a:t> </a:t>
            </a:r>
            <a:r>
              <a:rPr lang="nb-NO" dirty="0" err="1"/>
              <a:t>of</a:t>
            </a:r>
            <a:r>
              <a:rPr lang="nb-NO" dirty="0"/>
              <a:t> </a:t>
            </a:r>
            <a:r>
              <a:rPr lang="nb-NO" dirty="0" err="1"/>
              <a:t>origin</a:t>
            </a:r>
            <a:r>
              <a:rPr lang="nb-NO" dirty="0"/>
              <a:t> </a:t>
            </a:r>
            <a:r>
              <a:rPr lang="nb-NO" dirty="0" err="1"/>
              <a:t>you</a:t>
            </a:r>
            <a:r>
              <a:rPr lang="nb-NO" dirty="0"/>
              <a:t> </a:t>
            </a:r>
            <a:r>
              <a:rPr lang="nb-NO" dirty="0" err="1"/>
              <a:t>need</a:t>
            </a:r>
            <a:r>
              <a:rPr lang="nb-NO" dirty="0"/>
              <a:t> to </a:t>
            </a:r>
            <a:r>
              <a:rPr lang="nb-NO" dirty="0" err="1"/>
              <a:t>remember</a:t>
            </a:r>
            <a:r>
              <a:rPr lang="nb-NO" dirty="0"/>
              <a:t>:</a:t>
            </a:r>
          </a:p>
          <a:p>
            <a:endParaRPr lang="nb-NO" dirty="0"/>
          </a:p>
          <a:p>
            <a:r>
              <a:rPr lang="nb-NO" dirty="0" err="1"/>
              <a:t>Shop.sintef.energy</a:t>
            </a:r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9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8509984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/Relationships>
</file>

<file path=ppt/slideLayouts/_rels/slideLayout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6.xml"/></Relationships>
</file>

<file path=ppt/slideLayouts/_rels/slideLayout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icon to add pictur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B5E9D0-5AD0-4620-898F-B8CBAD3BCB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2B10A327-405D-42CA-9F67-2AF8ABA21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1E09ED89-26A1-4FE1-A40F-EB42F632C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15589A20-B34D-47F9-883F-6C734E9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icon to add picture</a:t>
            </a:r>
          </a:p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icon to add picture</a:t>
            </a:r>
          </a:p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icon to add picture</a:t>
            </a:r>
          </a:p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icon to add picture</a:t>
            </a:r>
          </a:p>
          <a:p>
            <a:endParaRPr lang="en-US" dirty="0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19E40C-11F9-4CC9-A0F5-A28346A4D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pPr marL="285750" marR="0" lvl="0" indent="-2844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Click icon to add picture</a:t>
            </a:r>
          </a:p>
          <a:p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61BABB1-A447-405B-AF28-D9AB8C3C9B6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to add subtitle</a:t>
            </a:r>
          </a:p>
          <a:p>
            <a:endParaRPr lang="en-GB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B7CAE32E-E8A6-4610-94FE-E5A3D98AB5D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4AE97785-6E28-487C-A237-AF5F013A8878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618750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5F535E3-A827-48E2-B683-3A78074E015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963AB43E-274F-4813-ABFF-B76361154E3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705FF5DD-9FDA-4566-9B40-7642DC33ED9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142683979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D2D6A4DA-EB35-4A5F-AB92-FFD4A8A4703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22AB73FD-6699-4F8E-8AC4-31A9B51185C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E5A0517A-F36B-49B2-8737-F152A42C805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7C819F2B-234F-4A6E-BC98-756E17E805E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27205116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marL="0" marR="0" lvl="0" indent="0" algn="l" defTabSz="914400" rtl="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to add subtit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BA452CE-6521-4710-BBBF-4AE21A3D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30310D9-36FF-41E3-BE76-6C2A983940F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155736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649983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65FD970-B6F5-48DC-9AA4-AC69DCFA1369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282509280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7BFE638F-3AD3-464E-BF13-79AB95AA7C2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A462DB3-E68E-4AB4-9C93-064327EA7E6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922B3F0-06D5-4753-B10F-A22AC78E4C0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69168916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A7DD0381-8D8C-4D69-8735-BDFE5FEADB4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6FB1CFDE-A2D9-4ED8-8F76-8AA59BBB3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BE5BC05-43BB-4A68-BCE7-66AB4600E8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960DF13D-F139-4941-BBE3-B8CEC4D8A18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456DA-80EA-425C-A234-5FD5B1D3578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1AE61440-BA51-47B3-8411-D11456A033C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5212370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15B95E4-C4BF-4768-A1D0-3C89DC68BBF9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1C31B6B-6FA0-4D20-871D-097EEB559C6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3017EFE-25AB-43D8-BC14-A9F3612FEA9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F4276D84-B999-403B-AB64-6C437152146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A71538D3-586D-494E-B89E-8380313D69D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171294F-D84E-4A6F-870E-59E9DBCCA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EF101C2C-0C77-447C-BA84-1AABEF6FE385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BB600D2-A0F5-4B88-8C17-3CD0807F9ED9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B32EF8FC-B8B0-4AD1-8E82-18EFC5E83E6B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5321622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4A37645F-00DE-4717-91AE-21B7FDD76BB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7B4C10E-44E8-4316-ADBF-4176B85E996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C263C971-72D9-417A-838C-6B7D53DD9AB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73A6F4C-9B53-4890-BE7B-A022FB064A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0EABF451-A30A-4B70-A311-E02AA51BD73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00C50359-0B90-473E-B638-5C6E12F4E58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2F0BFF5-0BE5-4A17-AD0B-2973A016BC8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FE9BE84A-8A6C-41DD-B315-07B1618920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847321C3-4154-44B3-ABFA-277BCB352EE8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8B6C8C90-DD52-4FC6-A7FC-0CA1F6B30600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172B1DA1-AA1E-4C2A-B921-AD87D5A4E0B4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934903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7496953-5DEE-49B4-8211-9067CD1A6D41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5BC3D22-7859-41A6-92FD-93C0927C8E6E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AE4DB8F-1F65-4E96-89C3-A53D396362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7A4E066-E94C-48EF-AFA8-D2837BC7D68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E976DF51-5EA0-4493-B932-EBF3AB39550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3779496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3DE3B279-DDF8-466D-BAE3-E1818024BF9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91A31F3-225A-4D87-ADDA-6E4F2B4414BC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B770482F-CCB3-4B7D-8454-DB70EA6B339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39E9E977-CEA3-4EC6-B64B-8B752209210F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C1010C08-ED2F-4346-B923-CF1C4233486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9A0707BB-1CE3-46AA-B7BC-5BE7AF8A6C7E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5959A58-30AE-4118-BE88-ED24FA34837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F561E615-F952-477F-8C9B-46657624D0D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E7F1059D-1183-42ED-8503-3865336F710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96801611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76539932-1E73-416C-8188-05D9D9AB217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CDF75CAD-AF26-4B2E-A1D7-033275C9808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5578FDE3-879E-4781-9E54-49B9F581D624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EC2E523-2461-4546-8557-352F64BC07AF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EA36C350-37EB-4618-9718-4836D79EF3EB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C25A96DF-E25B-493F-9B08-34427FD0124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4B688F53-BBB1-445E-A6F3-E882BF4350CF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B7F89116-451F-4DD0-89B2-164F33BA6B05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8632DFC8-C898-4272-AAA3-FAD775176DD5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DED5923B-5AAF-4245-877F-42ACB4621ECD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DDA51DB5-67DF-4204-8F10-9CCD29DCCCB7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DDC7ECDF-DFCF-4BD8-B37A-1D7F2B6B18D1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DD1D1FBC-C20C-41F8-BFCD-83937A110CAB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82693853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marL="285750" marR="0" lvl="0" indent="-28575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icon to add media</a:t>
            </a:r>
          </a:p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83E9D99F-0012-4E73-A817-39C3B2316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1A8DF51-44DC-4BDF-9054-2976AAEBCDA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1952B9CE-36E6-4ED0-8B22-9FEA56DF56F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53E643A-C53C-41CB-99D2-E06C08754DA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A7B3EC54-C1D9-4993-BCF2-0F580D9823A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11385264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08837074-A41C-4499-BC7D-9E0AF85D67F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474BC7-695C-44CF-B728-5A6596373B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604936F4-C83E-4EE0-B9AC-701509574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56868897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917206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B5E9D0-5AD0-4620-898F-B8CBAD3BCB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BA452CE-6521-4710-BBBF-4AE21A3D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media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83E9D99F-0012-4E73-A817-39C3B2316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GB" dirty="0"/>
              <a:t>Andre </a:t>
            </a:r>
            <a:r>
              <a:rPr lang="en-GB" dirty="0" err="1"/>
              <a:t>nivå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GB" dirty="0"/>
              <a:t>Andre </a:t>
            </a:r>
            <a:r>
              <a:rPr lang="en-GB" dirty="0" err="1"/>
              <a:t>nivå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å</a:t>
            </a:r>
            <a:endParaRPr lang="en-GB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0E0D9193-69AD-43FB-9918-A2B291458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D1023A1-8AB4-4792-A544-334CC7A1987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C4B1CCD6-DE24-4885-B377-F22C82601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BC6E86D0-4AE7-46BC-A435-E79A60A5F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2B10A327-405D-42CA-9F67-2AF8ABA21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1E09ED89-26A1-4FE1-A40F-EB42F632C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15589A20-B34D-47F9-883F-6C734E9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19E40C-11F9-4CC9-A0F5-A28346A4D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6A8768F7-4F61-452F-97F4-CD044C0D0A8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EE680BC7-0AE6-49D6-858B-724F45AAF5C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14048837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91C3BC8-09FC-4FB8-8544-B5D999DF2BE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en-GB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ED734173-A9DF-4717-B0CC-3C74C1FDD3F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800CB92-A772-4828-9BC6-19018BF2A01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A99B8A2E-FE6B-40DC-8F5F-468642CA5E0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128797726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D2D6A4DA-EB35-4A5F-AB92-FFD4A8A4703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E59E71D6-A296-45FF-BE39-C58F62C9ADD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FBCC5FB7-980F-4EEB-91C3-6E9E337ECE0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D69B032-6E02-47D0-BA7F-1D887A285A3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3345920740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7E53C3F6-D88E-487C-B6DF-BA84D3CDBE6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85400397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C33E9E45-6CEA-4092-8861-897D476EFEC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2141365888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34BE0FA2-6731-490B-A8AE-529FD3A1287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262695056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43FC889A-B218-460E-BA8D-2E419FFE9EB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A462DB3-E68E-4AB4-9C93-064327EA7E6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922B3F0-06D5-4753-B10F-A22AC78E4C0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73424419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E91243C8-094D-4661-BCD1-18F08E1D0EB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6FB1CFDE-A2D9-4ED8-8F76-8AA59BBB3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BE5BC05-43BB-4A68-BCE7-66AB4600E8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960DF13D-F139-4941-BBE3-B8CEC4D8A18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456DA-80EA-425C-A234-5FD5B1D3578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1AE61440-BA51-47B3-8411-D11456A033C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48659066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DB12D64-A689-4B60-90C3-B38151753D1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1C31B6B-6FA0-4D20-871D-097EEB559C6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3017EFE-25AB-43D8-BC14-A9F3612FEA9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F4276D84-B999-403B-AB64-6C4371521469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A71538D3-586D-494E-B89E-8380313D69D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171294F-D84E-4A6F-870E-59E9DBCCA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EF101C2C-0C77-447C-BA84-1AABEF6FE385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BB600D2-A0F5-4B88-8C17-3CD0807F9ED9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B32EF8FC-B8B0-4AD1-8E82-18EFC5E83E6B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3212922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1AF60F12-861B-46AE-AD59-6E077CD6FC5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7B4C10E-44E8-4316-ADBF-4176B85E996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C263C971-72D9-417A-838C-6B7D53DD9AB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73A6F4C-9B53-4890-BE7B-A022FB064A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0EABF451-A30A-4B70-A311-E02AA51BD73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00C50359-0B90-473E-B638-5C6E12F4E58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2F0BFF5-0BE5-4A17-AD0B-2973A016BC8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FE9BE84A-8A6C-41DD-B315-07B1618920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847321C3-4154-44B3-ABFA-277BCB352EE8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8B6C8C90-DD52-4FC6-A7FC-0CA1F6B30600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172B1DA1-AA1E-4C2A-B921-AD87D5A4E0B4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5502606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1A4CE8CD-E824-4F9A-B438-8771D59AACE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5BC3D22-7859-41A6-92FD-93C0927C8E6E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AE4DB8F-1F65-4E96-89C3-A53D396362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7A4E066-E94C-48EF-AFA8-D2837BC7D68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E976DF51-5EA0-4493-B932-EBF3AB39550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190481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4E7909E5-F9C9-4D07-9C78-D75C7C372A3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91A31F3-225A-4D87-ADDA-6E4F2B4414BC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B770482F-CCB3-4B7D-8454-DB70EA6B339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39E9E977-CEA3-4EC6-B64B-8B752209210F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C1010C08-ED2F-4346-B923-CF1C4233486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9A0707BB-1CE3-46AA-B7BC-5BE7AF8A6C7E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5959A58-30AE-4118-BE88-ED24FA34837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F561E615-F952-477F-8C9B-46657624D0D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E7F1059D-1183-42ED-8503-3865336F710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88119497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7273C3C7-FBB3-4C0A-8AF6-851BF400EFC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CDF75CAD-AF26-4B2E-A1D7-033275C9808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5578FDE3-879E-4781-9E54-49B9F581D624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EC2E523-2461-4546-8557-352F64BC07AF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EA36C350-37EB-4618-9718-4836D79EF3EB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C25A96DF-E25B-493F-9B08-34427FD0124C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4B688F53-BBB1-445E-A6F3-E882BF4350CF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B7F89116-451F-4DD0-89B2-164F33BA6B05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8632DFC8-C898-4272-AAA3-FAD775176DD5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DED5923B-5AAF-4245-877F-42ACB4621ECD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DDA51DB5-67DF-4204-8F10-9CCD29DCCCB7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DDC7ECDF-DFCF-4BD8-B37A-1D7F2B6B18D1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DD1D1FBC-C20C-41F8-BFCD-83937A110CAB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16055168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B6313F33-014B-48C2-AF77-EABE3C6C0B91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170626217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9F137A5-05F5-4495-B701-182330FAFA39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474BC7-695C-44CF-B728-5A6596373B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604936F4-C83E-4EE0-B9AC-701509574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1642234893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3075594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1587017909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GB" dirty="0"/>
              <a:t>Click icon to add picture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BFB5DB71-C1DD-4930-9375-77110A36FC7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3877D101-C155-4CE3-A790-FE5FABD01A0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5829B871-F985-4644-B08B-D8721B1CEDD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177912186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C596F089-CB50-4BB4-826E-0BA7AB0E2B43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C0B59AD6-3508-4F42-9C80-39C7963E22B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4CB31E7-8677-4295-9AC4-EB33ABD0BE2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B5471-2CB6-458D-B148-8C9390C2634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2523946378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563B9D7-E2D5-4EF8-A805-82E777AA0AC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9BBAFB-B206-4C11-94AA-CA89A2C7C53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95835348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A80C2787-E344-4FFD-8E3C-CFF5DB5A4D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823997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0E0D9193-69AD-43FB-9918-A2B291458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7D41370C-E589-4668-846B-AACA35D2E09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897780765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81F69D9F-35F2-4ACE-B644-BC3EC1B4882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C445AE6-D7DD-47D9-BF73-D0DA45501E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D5517287-395C-4EAB-AF50-F5A4965FBBE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134306921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D9705DC9-F24C-47F5-AF78-A4A2B830F9E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6539C2E9-4526-4131-81FA-4EE7EC8F8E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B06B10B9-1BC9-44F1-8E43-97FD582B5B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2A44CEF8-AF52-40E1-914A-F5CFC6AF9CC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2564407-DFED-496B-AE4A-261A5B30866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0E1FC8A-7D21-4C7C-87EA-26724AAC9BD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486948816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E0DF8A73-4CDA-4FFD-B8F2-615BBD39F75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524513D-6FF7-48BC-BAE3-8E542DF2926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4BAAE9A-D91F-45CB-A264-9BD8266ECE6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EBEE8363-A38B-40A1-A806-BF744171A87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628F7A08-CB5B-4472-9776-01604FD6315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2B55B6B1-E6F5-4B52-A25A-FD59A13B7D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75D3A50D-E2FF-43E9-8059-02FE56F7BB43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6E2E545-4D2A-473F-A0F8-28ACC650132D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A521A450-07FA-499D-947D-F138D5782B9C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29478693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DADAD05F-A24D-44A2-9A5C-C155B948CC83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388A12CA-B6AC-434A-A34A-382A896B507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02F0DE9F-DCE0-402C-8968-B3030495739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E057EF5-1196-4727-A351-44BE722F0A8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B59B51DE-542A-442E-B679-6642A870CE0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9B89C9B0-02D8-48FF-A616-ACAF8B8E5D2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4D172A04-205A-49F8-9A9E-DEB31E7D6E50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10D119EE-F4E6-4C79-AB30-AA8CC8A192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D108FA76-49DF-4930-BE24-E6EECCB05061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13C3BE62-33C9-4E17-9F44-9DA892439753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C9C9F064-2396-4E8A-97DF-16AFC36785A2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61812311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58654762-955C-4ABD-9BF2-B17327BFCD0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2CEB43A-FAE8-4C46-B9C4-7DF1086D0C2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09E6B0B1-FB2E-4C05-902A-47D031174D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2FCE352-E1C6-46C2-B469-21C5CBF5BE89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4F22031F-4052-468A-A75E-95AA23744268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08257773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53962625-4800-497B-B1DD-9317DEF669C0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32BA7E2-390F-4CFC-857B-3CCEA4DBE8E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41EDC9FE-2330-494C-B6AD-A0DCAC186FB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B7861BBB-75C1-4216-9A2F-BE6903C3D39B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654C3AEF-69C2-447F-8AF6-9A780C2B3095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E3C53F12-D83F-46B0-8106-A01E198BFB3E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14C5D210-242E-4C48-8A9C-F4E7D540F25F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752577FB-CDA8-4598-A000-21C8C2535458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5ADF1E31-652B-4324-AA53-A4BAA77781C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3162365967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5CF7FF69-CA9E-4BD9-80AF-99F9F21A1438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8E41E582-DD1E-450F-95B8-8FF9EF4E43A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08062B5F-ED57-4B8F-856B-7AD53A9A8791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1F30E64-C65F-4DC5-8FC4-6E4A93A171CD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3570C7A7-04CB-4FBD-A14E-3F4BD39E4DB4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807F5410-670B-47C7-B27C-8C5BD0BA28C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B6286DA-C15D-464F-8B66-E0C6C8C50960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2415E9FD-3BED-4C9A-98A2-0911B7DEE21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B2D57D5B-4726-4083-9CCC-4F783653593C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EEC47C67-C018-4A0A-8839-ADAFC4EAD193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B713BD22-88F8-4D3F-BB22-5CFB96A97E62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03A49B62-A09E-492A-B2FC-5D9E7FE30D3F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3D41C0D4-79F3-41F2-BF1A-DBC8EAA69086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7591846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08B9F34-CA18-491B-8812-2410665F78A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1237505033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A9D6265-6AC9-4D3E-A728-0EB4D2DB769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77D4D7-BF7F-4B6E-9320-5A9A4170B2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D31FBA88-0D81-4ADC-A8B5-4D82F01D1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17063786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C4B1CCD6-DE24-4885-B377-F22C82601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6596133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3861079065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GB" dirty="0"/>
              <a:t>Click icon to add picture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F3211D0C-A7E7-408F-BE32-7EAF9733B68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ABB0DB59-7ECF-4422-80DC-C7C641C0FF2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491D32E4-48C1-42B9-85D0-62E5722E715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660796160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97A4C67A-08FD-4860-9536-7E7CAE860C35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-1" y="0"/>
            <a:ext cx="12192000" cy="685800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icon to add media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9F7C8833-CCFD-47BE-B688-6B8AAF15F68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8E6E7ED0-BF5A-4767-9833-BCE49764243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86092E6-52C6-4328-B409-FBD3376DC7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hort title</a:t>
            </a:r>
          </a:p>
        </p:txBody>
      </p:sp>
    </p:spTree>
    <p:extLst>
      <p:ext uri="{BB962C8B-B14F-4D97-AF65-F5344CB8AC3E}">
        <p14:creationId xmlns:p14="http://schemas.microsoft.com/office/powerpoint/2010/main" val="2581273029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C4EEE55-4E46-4205-84C9-1290ECE2306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04C863-E43F-403F-BE4B-4893A5E527A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97010272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0B3C5F1A-6408-4098-96AF-6FC0AD1AFDB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4177452680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5CD7B0C3-2697-4946-8F40-CCF394F9F02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940216924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A27D1D27-C10F-42B6-8E25-F990C63B792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80D5125D-6947-4701-B918-DA187B81411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28FB9B0-B427-4A39-AF0B-4055164E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160389741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94E2699D-53DF-4D78-A9B2-657299B5D44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53CE565C-6BB2-4F3F-A4B5-49A10869DD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D1C62CB-4861-42BA-86C9-66578294B2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90EF9EBB-11EC-48E8-A2D5-E1E1F70248F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55C8EE60-2461-4652-956D-D3C5C6E4EA4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AE5D71D-8B4A-4368-9659-602E5883512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249116253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508FA48D-5A0A-444D-A93F-1AA25D76303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AB2B439-D573-4A4D-A84B-063BDFA746D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E219F-1CAC-4387-9766-612B55A95D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37043883-16F3-4715-B742-AD16168254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8303811B-6B5C-4101-B2A7-C55397A2F31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82868169-3410-4EF1-BA5F-429998274B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941253DA-E054-452C-875C-704611FF048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8DEF0CA-91D7-4F15-8F05-596680D750DB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E5191FF9-C1C2-496E-B4D1-DDEB8CED624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126121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BC6E86D0-4AE7-46BC-A435-E79A60A5F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F9463BF-9611-4FCA-A904-40D95FB42B30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03D7BBE-8D01-4F71-8A29-6C8061DDD47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91275FB3-AF6E-4E3B-B094-392FEF357B0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E8D52CC8-28B8-4394-8F59-F5028F9CC34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DD6C3E75-5888-4772-809E-57DD8A0D580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32A102E-C654-48D0-9A5E-0CAF2474263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9CEDFA1A-4CCA-42FF-8B8F-E1F4A98C5258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2A7EE81D-44F6-4384-9947-8BF868574C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79F8FB6E-D2F7-4EC5-87BD-1F47FBF6BF6E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26A0BB0C-C996-485F-8DF9-24F1D2020465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34DFE7FF-F7C3-47DC-87B4-8B3F8FDDC816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21963667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E0948455-6B92-416A-A5C5-D13B7F0F7BD7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BA8E9A2D-4161-4A14-9E69-5A8957C4AAE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E489AFF-3FB5-47A1-BFB6-6130AB1CA4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4F4CAE21-B3FD-4DB8-BD7A-BAD99D908175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1C795150-07CA-4DB9-B9BC-4F50029751A9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14837304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D4C7EB17-49CD-4802-9E65-5D00F307D2C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0162996C-1B26-43A7-961C-49071E860FE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08CDEE43-C4A1-40B4-A181-814C95445C9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89C3D278-CD6A-457C-9885-46C0CCA9194B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9717C183-5160-4167-BAA6-2A8B3C495C3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6A798247-A50A-4CDA-A213-AFA93BA8869E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09617A7-149B-490A-B293-63C814CE6803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6E1031E6-665F-444C-BCC3-43C37743A121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D7DAA4C6-B163-4FC9-871E-B25A0C93FA2E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816892688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8EAD0E29-8F74-4988-BBA5-04562027321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391A1907-587F-4AC5-AC4B-C4922EBE1534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78F095F2-1200-4153-B40B-6070DBD68D25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EE83CFFA-FA28-4227-B7FD-3CE7E3B02A3A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4D32ADBD-5B56-428B-A199-9AB7822E3771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922518DF-DEFB-49ED-BAA2-08B2CF16FAC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E388245-6EB2-437A-B883-04BFEAFC555A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6B23AD2F-8AE3-4CA8-B3C0-335391494AAC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21D50F64-AE70-4C8E-8972-E0D842014B9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85B76F5C-4718-4C5C-8DE6-74F30FB0730B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E5FC2B97-FD5C-4B1B-83C4-D5E8EBA684B1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2594CEE0-C22F-41AE-9205-BC548E9BDF1B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94AA23CF-C5D4-4D0B-9372-C27D91E65DD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64802483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09BE6C7B-6040-4D94-BFDE-7EBB6B51661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710491815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616B51D-CD6E-409B-8889-951D1E6807E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dirty="0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175CCE-1F6F-48C4-83A8-3D1E980DED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en-GB" smtClean="0"/>
              <a:pPr/>
              <a:t>‹#›</a:t>
            </a:fld>
            <a:endParaRPr lang="en-GB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8EDD400-A9F0-4F1D-A751-248CBEB77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</a:p>
        </p:txBody>
      </p:sp>
    </p:spTree>
    <p:extLst>
      <p:ext uri="{BB962C8B-B14F-4D97-AF65-F5344CB8AC3E}">
        <p14:creationId xmlns:p14="http://schemas.microsoft.com/office/powerpoint/2010/main" val="3521125847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echnology for a better society</a:t>
            </a:r>
            <a:endParaRPr lang="en-GB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9097215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8.xml"/><Relationship Id="rId16" Type="http://schemas.openxmlformats.org/officeDocument/2006/relationships/slideLayout" Target="../slideLayouts/slideLayout32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5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26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slideLayout" Target="../slideLayouts/slideLayout3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13" Type="http://schemas.openxmlformats.org/officeDocument/2006/relationships/slideLayout" Target="../slideLayouts/slideLayout45.xml"/><Relationship Id="rId18" Type="http://schemas.openxmlformats.org/officeDocument/2006/relationships/image" Target="../media/image5.png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17" Type="http://schemas.openxmlformats.org/officeDocument/2006/relationships/theme" Target="../theme/theme3.xml"/><Relationship Id="rId2" Type="http://schemas.openxmlformats.org/officeDocument/2006/relationships/slideLayout" Target="../slideLayouts/slideLayout34.xml"/><Relationship Id="rId16" Type="http://schemas.openxmlformats.org/officeDocument/2006/relationships/slideLayout" Target="../slideLayouts/slideLayout48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5" Type="http://schemas.openxmlformats.org/officeDocument/2006/relationships/slideLayout" Target="../slideLayouts/slideLayout37.xml"/><Relationship Id="rId15" Type="http://schemas.openxmlformats.org/officeDocument/2006/relationships/slideLayout" Target="../slideLayouts/slideLayout47.xml"/><Relationship Id="rId10" Type="http://schemas.openxmlformats.org/officeDocument/2006/relationships/slideLayout" Target="../slideLayouts/slideLayout42.xml"/><Relationship Id="rId19" Type="http://schemas.openxmlformats.org/officeDocument/2006/relationships/image" Target="../media/image6.svg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slideLayout" Target="../slideLayouts/slideLayout46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13" Type="http://schemas.openxmlformats.org/officeDocument/2006/relationships/slideLayout" Target="../slideLayouts/slideLayout61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51.xml"/><Relationship Id="rId7" Type="http://schemas.openxmlformats.org/officeDocument/2006/relationships/slideLayout" Target="../slideLayouts/slideLayout55.xml"/><Relationship Id="rId12" Type="http://schemas.openxmlformats.org/officeDocument/2006/relationships/slideLayout" Target="../slideLayouts/slideLayout60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50.xml"/><Relationship Id="rId16" Type="http://schemas.openxmlformats.org/officeDocument/2006/relationships/slideLayout" Target="../slideLayouts/slideLayout64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11" Type="http://schemas.openxmlformats.org/officeDocument/2006/relationships/slideLayout" Target="../slideLayouts/slideLayout59.xml"/><Relationship Id="rId5" Type="http://schemas.openxmlformats.org/officeDocument/2006/relationships/slideLayout" Target="../slideLayouts/slideLayout53.xml"/><Relationship Id="rId15" Type="http://schemas.openxmlformats.org/officeDocument/2006/relationships/slideLayout" Target="../slideLayouts/slideLayout63.xml"/><Relationship Id="rId10" Type="http://schemas.openxmlformats.org/officeDocument/2006/relationships/slideLayout" Target="../slideLayouts/slideLayout58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Relationship Id="rId14" Type="http://schemas.openxmlformats.org/officeDocument/2006/relationships/slideLayout" Target="../slideLayouts/slideLayout62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13" Type="http://schemas.openxmlformats.org/officeDocument/2006/relationships/slideLayout" Target="../slideLayouts/slideLayout77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12" Type="http://schemas.openxmlformats.org/officeDocument/2006/relationships/slideLayout" Target="../slideLayouts/slideLayout76.xml"/><Relationship Id="rId17" Type="http://schemas.openxmlformats.org/officeDocument/2006/relationships/theme" Target="../theme/theme5.xml"/><Relationship Id="rId2" Type="http://schemas.openxmlformats.org/officeDocument/2006/relationships/slideLayout" Target="../slideLayouts/slideLayout66.xml"/><Relationship Id="rId16" Type="http://schemas.openxmlformats.org/officeDocument/2006/relationships/slideLayout" Target="../slideLayouts/slideLayout80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slideLayout" Target="../slideLayouts/slideLayout75.xml"/><Relationship Id="rId5" Type="http://schemas.openxmlformats.org/officeDocument/2006/relationships/slideLayout" Target="../slideLayouts/slideLayout69.xml"/><Relationship Id="rId15" Type="http://schemas.openxmlformats.org/officeDocument/2006/relationships/slideLayout" Target="../slideLayouts/slideLayout79.xml"/><Relationship Id="rId10" Type="http://schemas.openxmlformats.org/officeDocument/2006/relationships/slideLayout" Target="../slideLayouts/slideLayout74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Relationship Id="rId14" Type="http://schemas.openxmlformats.org/officeDocument/2006/relationships/slideLayout" Target="../slideLayouts/slideLayout78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8.xml"/><Relationship Id="rId13" Type="http://schemas.openxmlformats.org/officeDocument/2006/relationships/slideLayout" Target="../slideLayouts/slideLayout9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83.xml"/><Relationship Id="rId7" Type="http://schemas.openxmlformats.org/officeDocument/2006/relationships/slideLayout" Target="../slideLayouts/slideLayout87.xml"/><Relationship Id="rId12" Type="http://schemas.openxmlformats.org/officeDocument/2006/relationships/slideLayout" Target="../slideLayouts/slideLayout92.xml"/><Relationship Id="rId17" Type="http://schemas.openxmlformats.org/officeDocument/2006/relationships/theme" Target="../theme/theme6.xml"/><Relationship Id="rId2" Type="http://schemas.openxmlformats.org/officeDocument/2006/relationships/slideLayout" Target="../slideLayouts/slideLayout82.xml"/><Relationship Id="rId16" Type="http://schemas.openxmlformats.org/officeDocument/2006/relationships/slideLayout" Target="../slideLayouts/slideLayout96.xml"/><Relationship Id="rId1" Type="http://schemas.openxmlformats.org/officeDocument/2006/relationships/slideLayout" Target="../slideLayouts/slideLayout81.xml"/><Relationship Id="rId6" Type="http://schemas.openxmlformats.org/officeDocument/2006/relationships/slideLayout" Target="../slideLayouts/slideLayout86.xml"/><Relationship Id="rId11" Type="http://schemas.openxmlformats.org/officeDocument/2006/relationships/slideLayout" Target="../slideLayouts/slideLayout91.xml"/><Relationship Id="rId5" Type="http://schemas.openxmlformats.org/officeDocument/2006/relationships/slideLayout" Target="../slideLayouts/slideLayout85.xml"/><Relationship Id="rId15" Type="http://schemas.openxmlformats.org/officeDocument/2006/relationships/slideLayout" Target="../slideLayouts/slideLayout95.xml"/><Relationship Id="rId10" Type="http://schemas.openxmlformats.org/officeDocument/2006/relationships/slideLayout" Target="../slideLayouts/slideLayout90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84.xml"/><Relationship Id="rId9" Type="http://schemas.openxmlformats.org/officeDocument/2006/relationships/slideLayout" Target="../slideLayouts/slideLayout89.xml"/><Relationship Id="rId14" Type="http://schemas.openxmlformats.org/officeDocument/2006/relationships/slideLayout" Target="../slideLayouts/slideLayout94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theme" Target="../theme/theme7.xml"/><Relationship Id="rId3" Type="http://schemas.openxmlformats.org/officeDocument/2006/relationships/slideLayout" Target="../slideLayouts/slideLayout99.xml"/><Relationship Id="rId7" Type="http://schemas.openxmlformats.org/officeDocument/2006/relationships/slideLayout" Target="../slideLayouts/slideLayout103.xml"/><Relationship Id="rId2" Type="http://schemas.openxmlformats.org/officeDocument/2006/relationships/slideLayout" Target="../slideLayouts/slideLayout98.xml"/><Relationship Id="rId1" Type="http://schemas.openxmlformats.org/officeDocument/2006/relationships/slideLayout" Target="../slideLayouts/slideLayout97.xml"/><Relationship Id="rId6" Type="http://schemas.openxmlformats.org/officeDocument/2006/relationships/slideLayout" Target="../slideLayouts/slideLayout102.xml"/><Relationship Id="rId5" Type="http://schemas.openxmlformats.org/officeDocument/2006/relationships/slideLayout" Target="../slideLayouts/slideLayout101.xml"/><Relationship Id="rId10" Type="http://schemas.openxmlformats.org/officeDocument/2006/relationships/image" Target="../media/image2.svg"/><Relationship Id="rId4" Type="http://schemas.openxmlformats.org/officeDocument/2006/relationships/slideLayout" Target="../slideLayouts/slideLayout100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650" r:id="rId5"/>
    <p:sldLayoutId id="2147483661" r:id="rId6"/>
    <p:sldLayoutId id="2147483704" r:id="rId7"/>
    <p:sldLayoutId id="2147483692" r:id="rId8"/>
    <p:sldLayoutId id="2147483705" r:id="rId9"/>
    <p:sldLayoutId id="2147483714" r:id="rId10"/>
    <p:sldLayoutId id="2147483697" r:id="rId11"/>
    <p:sldLayoutId id="2147483715" r:id="rId12"/>
    <p:sldLayoutId id="2147483717" r:id="rId13"/>
    <p:sldLayoutId id="2147483749" r:id="rId14"/>
    <p:sldLayoutId id="2147483696" r:id="rId15"/>
    <p:sldLayoutId id="2147483668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3206284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1" r:id="rId1"/>
    <p:sldLayoutId id="2147483753" r:id="rId2"/>
    <p:sldLayoutId id="2147483754" r:id="rId3"/>
    <p:sldLayoutId id="2147483755" r:id="rId4"/>
    <p:sldLayoutId id="2147483756" r:id="rId5"/>
    <p:sldLayoutId id="2147483757" r:id="rId6"/>
    <p:sldLayoutId id="2147483758" r:id="rId7"/>
    <p:sldLayoutId id="2147483759" r:id="rId8"/>
    <p:sldLayoutId id="2147483760" r:id="rId9"/>
    <p:sldLayoutId id="2147483761" r:id="rId10"/>
    <p:sldLayoutId id="2147483762" r:id="rId11"/>
    <p:sldLayoutId id="2147483763" r:id="rId12"/>
    <p:sldLayoutId id="2147483764" r:id="rId13"/>
    <p:sldLayoutId id="2147483785" r:id="rId14"/>
    <p:sldLayoutId id="2147483765" r:id="rId15"/>
    <p:sldLayoutId id="2147483766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  <p:sldLayoutId id="2147483780" r:id="rId12"/>
    <p:sldLayoutId id="2147483781" r:id="rId13"/>
    <p:sldLayoutId id="2147483782" r:id="rId14"/>
    <p:sldLayoutId id="2147483783" r:id="rId15"/>
    <p:sldLayoutId id="2147483784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133634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89" r:id="rId3"/>
    <p:sldLayoutId id="2147483671" r:id="rId4"/>
    <p:sldLayoutId id="2147483665" r:id="rId5"/>
    <p:sldLayoutId id="2147483733" r:id="rId6"/>
    <p:sldLayoutId id="2147483734" r:id="rId7"/>
    <p:sldLayoutId id="2147483693" r:id="rId8"/>
    <p:sldLayoutId id="2147483719" r:id="rId9"/>
    <p:sldLayoutId id="2147483720" r:id="rId10"/>
    <p:sldLayoutId id="2147483735" r:id="rId11"/>
    <p:sldLayoutId id="2147483736" r:id="rId12"/>
    <p:sldLayoutId id="2147483737" r:id="rId13"/>
    <p:sldLayoutId id="2147483786" r:id="rId14"/>
    <p:sldLayoutId id="2147483699" r:id="rId15"/>
    <p:sldLayoutId id="2147483669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674E4E07-17EE-44AB-A23B-DF246D6AC8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713035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5" r:id="rId2"/>
    <p:sldLayoutId id="2147483690" r:id="rId3"/>
    <p:sldLayoutId id="2147483676" r:id="rId4"/>
    <p:sldLayoutId id="2147483677" r:id="rId5"/>
    <p:sldLayoutId id="2147483738" r:id="rId6"/>
    <p:sldLayoutId id="2147483739" r:id="rId7"/>
    <p:sldLayoutId id="2147483694" r:id="rId8"/>
    <p:sldLayoutId id="2147483724" r:id="rId9"/>
    <p:sldLayoutId id="2147483725" r:id="rId10"/>
    <p:sldLayoutId id="2147483740" r:id="rId11"/>
    <p:sldLayoutId id="2147483741" r:id="rId12"/>
    <p:sldLayoutId id="2147483742" r:id="rId13"/>
    <p:sldLayoutId id="2147483787" r:id="rId14"/>
    <p:sldLayoutId id="2147483701" r:id="rId15"/>
    <p:sldLayoutId id="2147483679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8F37BC3-C2C0-49FC-AF17-4DF1FED34D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87493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3" r:id="rId2"/>
    <p:sldLayoutId id="2147483691" r:id="rId3"/>
    <p:sldLayoutId id="2147483684" r:id="rId4"/>
    <p:sldLayoutId id="2147483685" r:id="rId5"/>
    <p:sldLayoutId id="2147483743" r:id="rId6"/>
    <p:sldLayoutId id="2147483744" r:id="rId7"/>
    <p:sldLayoutId id="2147483695" r:id="rId8"/>
    <p:sldLayoutId id="2147483729" r:id="rId9"/>
    <p:sldLayoutId id="2147483730" r:id="rId10"/>
    <p:sldLayoutId id="2147483745" r:id="rId11"/>
    <p:sldLayoutId id="2147483746" r:id="rId12"/>
    <p:sldLayoutId id="2147483747" r:id="rId13"/>
    <p:sldLayoutId id="2147483788" r:id="rId14"/>
    <p:sldLayoutId id="2147483703" r:id="rId15"/>
    <p:sldLayoutId id="2147483687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GB" dirty="0"/>
              <a:t>Click to add tit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 dirty="0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10" r:id="rId3"/>
    <p:sldLayoutId id="2147483709" r:id="rId4"/>
    <p:sldLayoutId id="2147483711" r:id="rId5"/>
    <p:sldLayoutId id="2147483712" r:id="rId6"/>
    <p:sldLayoutId id="2147483713" r:id="rId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1DFC363-C795-4868-A590-352CAF82D0D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1C5D1CC-DE90-4445-880C-737568A2F8B0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E39D27B4-83C7-47CF-A160-506EEF8E0EA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/>
              <a:t>Bjørnar</a:t>
            </a:r>
            <a:r>
              <a:rPr lang="en-GB" dirty="0"/>
              <a:t> </a:t>
            </a:r>
            <a:r>
              <a:rPr lang="en-GB" dirty="0" err="1"/>
              <a:t>Fjelldal</a:t>
            </a:r>
            <a:r>
              <a:rPr lang="en-GB" dirty="0"/>
              <a:t>, SINTEF Energy Research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/>
          <a:lstStyle/>
          <a:p>
            <a:r>
              <a:rPr lang="en-GB" dirty="0"/>
              <a:t>Technology for a better society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509AD0D-3AF2-46F7-A244-92E82843179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20089" y="4198032"/>
            <a:ext cx="4508009" cy="533223"/>
          </a:xfrm>
        </p:spPr>
        <p:txBody>
          <a:bodyPr/>
          <a:lstStyle/>
          <a:p>
            <a:r>
              <a:rPr lang="en-GB" dirty="0"/>
              <a:t>Digital lab modell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0E88541D-827D-4441-813F-5EF907C3B42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0" indent="0" algn="ctr">
              <a:buNone/>
            </a:pPr>
            <a:endParaRPr lang="nb-NO" sz="7200" dirty="0"/>
          </a:p>
          <a:p>
            <a:pPr marL="0" indent="0" algn="ctr">
              <a:buNone/>
            </a:pPr>
            <a:r>
              <a:rPr lang="nb-NO" sz="7200" dirty="0" err="1"/>
              <a:t>shop.sintef.energy</a:t>
            </a:r>
            <a:endParaRPr lang="nb-NO" sz="7200" dirty="0"/>
          </a:p>
          <a:p>
            <a:endParaRPr lang="nb-NO" dirty="0"/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50071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Technology for a better society</a:t>
            </a:r>
            <a:endParaRPr lang="en-GB" sz="39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lassholder for bilde 11">
            <a:extLst>
              <a:ext uri="{FF2B5EF4-FFF2-40B4-BE49-F238E27FC236}">
                <a16:creationId xmlns:a16="http://schemas.microsoft.com/office/drawing/2014/main" id="{582BEAC7-4852-E446-A5D3-AC41497794F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tretch/>
        </p:blipFill>
        <p:spPr>
          <a:xfrm>
            <a:off x="6369628" y="540874"/>
            <a:ext cx="5299710" cy="5776251"/>
          </a:xfrm>
          <a:prstGeom prst="rect">
            <a:avLst/>
          </a:prstGeom>
          <a:noFill/>
        </p:spPr>
      </p:pic>
      <p:sp>
        <p:nvSpPr>
          <p:cNvPr id="13" name="Tittel 12">
            <a:extLst>
              <a:ext uri="{FF2B5EF4-FFF2-40B4-BE49-F238E27FC236}">
                <a16:creationId xmlns:a16="http://schemas.microsoft.com/office/drawing/2014/main" id="{C0C5FC7B-C860-AE4E-9700-1A8E515598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</p:spPr>
        <p:txBody>
          <a:bodyPr anchor="b">
            <a:normAutofit/>
          </a:bodyPr>
          <a:lstStyle/>
          <a:p>
            <a:r>
              <a:rPr lang="nb-NO" dirty="0" err="1"/>
              <a:t>Background</a:t>
            </a:r>
            <a:endParaRPr lang="nb-NO" dirty="0"/>
          </a:p>
        </p:txBody>
      </p:sp>
      <p:sp>
        <p:nvSpPr>
          <p:cNvPr id="14" name="Plassholder for tekst 13">
            <a:extLst>
              <a:ext uri="{FF2B5EF4-FFF2-40B4-BE49-F238E27FC236}">
                <a16:creationId xmlns:a16="http://schemas.microsoft.com/office/drawing/2014/main" id="{69D65D21-F740-4740-B989-1A6A1E5DEE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58190" y="2259018"/>
            <a:ext cx="5375910" cy="3910012"/>
          </a:xfrm>
        </p:spPr>
        <p:txBody>
          <a:bodyPr>
            <a:normAutofit/>
          </a:bodyPr>
          <a:lstStyle/>
          <a:p>
            <a:r>
              <a:rPr lang="nb-NO" dirty="0"/>
              <a:t>Proper </a:t>
            </a:r>
            <a:r>
              <a:rPr lang="nb-NO" dirty="0" err="1"/>
              <a:t>communication</a:t>
            </a:r>
            <a:r>
              <a:rPr lang="nb-NO" dirty="0"/>
              <a:t> and </a:t>
            </a:r>
            <a:r>
              <a:rPr lang="nb-NO" dirty="0" err="1"/>
              <a:t>collaboration</a:t>
            </a:r>
            <a:r>
              <a:rPr lang="nb-NO" dirty="0"/>
              <a:t> is </a:t>
            </a:r>
            <a:r>
              <a:rPr lang="nb-NO" dirty="0" err="1"/>
              <a:t>key</a:t>
            </a:r>
            <a:r>
              <a:rPr lang="nb-NO" dirty="0"/>
              <a:t> to </a:t>
            </a:r>
            <a:r>
              <a:rPr lang="nb-NO" dirty="0" err="1"/>
              <a:t>success</a:t>
            </a:r>
            <a:endParaRPr lang="nb-NO" dirty="0"/>
          </a:p>
          <a:p>
            <a:endParaRPr lang="nb-NO" dirty="0"/>
          </a:p>
          <a:p>
            <a:r>
              <a:rPr lang="nb-NO" dirty="0" err="1"/>
              <a:t>Enabled</a:t>
            </a:r>
            <a:r>
              <a:rPr lang="nb-NO" dirty="0"/>
              <a:t> by state-</a:t>
            </a:r>
            <a:r>
              <a:rPr lang="nb-NO" dirty="0" err="1"/>
              <a:t>of</a:t>
            </a:r>
            <a:r>
              <a:rPr lang="nb-NO" dirty="0"/>
              <a:t>-</a:t>
            </a:r>
            <a:r>
              <a:rPr lang="nb-NO" dirty="0" err="1"/>
              <a:t>the</a:t>
            </a:r>
            <a:r>
              <a:rPr lang="nb-NO" dirty="0"/>
              <a:t>-art (</a:t>
            </a:r>
            <a:r>
              <a:rPr lang="nb-NO" dirty="0" err="1"/>
              <a:t>open-source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possible</a:t>
            </a:r>
            <a:r>
              <a:rPr lang="nb-NO" dirty="0"/>
              <a:t>) </a:t>
            </a:r>
            <a:r>
              <a:rPr lang="nb-NO" dirty="0" err="1"/>
              <a:t>tools</a:t>
            </a:r>
            <a:r>
              <a:rPr lang="nb-NO" dirty="0"/>
              <a:t> and </a:t>
            </a:r>
            <a:r>
              <a:rPr lang="nb-NO" dirty="0" err="1"/>
              <a:t>technologies</a:t>
            </a:r>
            <a:endParaRPr lang="nb-NO" dirty="0"/>
          </a:p>
          <a:p>
            <a:endParaRPr lang="nb-NO" dirty="0"/>
          </a:p>
          <a:p>
            <a:r>
              <a:rPr lang="nb-NO" dirty="0"/>
              <a:t>SHOP Portal</a:t>
            </a:r>
          </a:p>
          <a:p>
            <a:endParaRPr lang="nb-NO" dirty="0"/>
          </a:p>
          <a:p>
            <a:r>
              <a:rPr lang="nb-NO" dirty="0"/>
              <a:t>SHOP Lab</a:t>
            </a:r>
          </a:p>
          <a:p>
            <a:endParaRPr lang="nb-NO" dirty="0"/>
          </a:p>
        </p:txBody>
      </p:sp>
      <p:pic>
        <p:nvPicPr>
          <p:cNvPr id="2" name="Bilde 1">
            <a:extLst>
              <a:ext uri="{FF2B5EF4-FFF2-40B4-BE49-F238E27FC236}">
                <a16:creationId xmlns:a16="http://schemas.microsoft.com/office/drawing/2014/main" id="{03AB36C7-CB26-E648-BF1F-51D740F317A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1720" r="11539" b="4804"/>
          <a:stretch/>
        </p:blipFill>
        <p:spPr>
          <a:xfrm>
            <a:off x="6369628" y="540874"/>
            <a:ext cx="5299710" cy="57762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4372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lassholder for bilde 11">
            <a:extLst>
              <a:ext uri="{FF2B5EF4-FFF2-40B4-BE49-F238E27FC236}">
                <a16:creationId xmlns:a16="http://schemas.microsoft.com/office/drawing/2014/main" id="{582BEAC7-4852-E446-A5D3-AC41497794F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tretch/>
        </p:blipFill>
        <p:spPr>
          <a:xfrm>
            <a:off x="6369628" y="540874"/>
            <a:ext cx="5299710" cy="5776251"/>
          </a:xfrm>
          <a:prstGeom prst="rect">
            <a:avLst/>
          </a:prstGeom>
          <a:noFill/>
        </p:spPr>
      </p:pic>
      <p:sp>
        <p:nvSpPr>
          <p:cNvPr id="13" name="Tittel 12">
            <a:extLst>
              <a:ext uri="{FF2B5EF4-FFF2-40B4-BE49-F238E27FC236}">
                <a16:creationId xmlns:a16="http://schemas.microsoft.com/office/drawing/2014/main" id="{C0C5FC7B-C860-AE4E-9700-1A8E515598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</p:spPr>
        <p:txBody>
          <a:bodyPr anchor="b">
            <a:normAutofit/>
          </a:bodyPr>
          <a:lstStyle/>
          <a:p>
            <a:r>
              <a:rPr lang="nb-NO" dirty="0" err="1"/>
              <a:t>Background</a:t>
            </a:r>
            <a:endParaRPr lang="nb-NO" dirty="0"/>
          </a:p>
        </p:txBody>
      </p:sp>
      <p:sp>
        <p:nvSpPr>
          <p:cNvPr id="14" name="Plassholder for tekst 13">
            <a:extLst>
              <a:ext uri="{FF2B5EF4-FFF2-40B4-BE49-F238E27FC236}">
                <a16:creationId xmlns:a16="http://schemas.microsoft.com/office/drawing/2014/main" id="{69D65D21-F740-4740-B989-1A6A1E5DEE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58190" y="2259018"/>
            <a:ext cx="5375910" cy="3910012"/>
          </a:xfrm>
        </p:spPr>
        <p:txBody>
          <a:bodyPr>
            <a:normAutofit/>
          </a:bodyPr>
          <a:lstStyle/>
          <a:p>
            <a:r>
              <a:rPr lang="nb-NO" dirty="0"/>
              <a:t>Proper </a:t>
            </a:r>
            <a:r>
              <a:rPr lang="nb-NO" dirty="0" err="1"/>
              <a:t>communication</a:t>
            </a:r>
            <a:r>
              <a:rPr lang="nb-NO" dirty="0"/>
              <a:t> and </a:t>
            </a:r>
            <a:r>
              <a:rPr lang="nb-NO" dirty="0" err="1"/>
              <a:t>collaboration</a:t>
            </a:r>
            <a:r>
              <a:rPr lang="nb-NO" dirty="0"/>
              <a:t> is </a:t>
            </a:r>
            <a:r>
              <a:rPr lang="nb-NO" dirty="0" err="1"/>
              <a:t>key</a:t>
            </a:r>
            <a:r>
              <a:rPr lang="nb-NO" dirty="0"/>
              <a:t> to </a:t>
            </a:r>
            <a:r>
              <a:rPr lang="nb-NO" dirty="0" err="1"/>
              <a:t>success</a:t>
            </a:r>
            <a:endParaRPr lang="nb-NO" dirty="0"/>
          </a:p>
          <a:p>
            <a:endParaRPr lang="nb-NO" dirty="0"/>
          </a:p>
          <a:p>
            <a:r>
              <a:rPr lang="nb-NO" dirty="0" err="1"/>
              <a:t>Enabled</a:t>
            </a:r>
            <a:r>
              <a:rPr lang="nb-NO" dirty="0"/>
              <a:t> by state-</a:t>
            </a:r>
            <a:r>
              <a:rPr lang="nb-NO" dirty="0" err="1"/>
              <a:t>of</a:t>
            </a:r>
            <a:r>
              <a:rPr lang="nb-NO" dirty="0"/>
              <a:t>-</a:t>
            </a:r>
            <a:r>
              <a:rPr lang="nb-NO" dirty="0" err="1"/>
              <a:t>the</a:t>
            </a:r>
            <a:r>
              <a:rPr lang="nb-NO" dirty="0"/>
              <a:t>-art (</a:t>
            </a:r>
            <a:r>
              <a:rPr lang="nb-NO" dirty="0" err="1"/>
              <a:t>open-source</a:t>
            </a:r>
            <a:r>
              <a:rPr lang="nb-NO" dirty="0"/>
              <a:t> </a:t>
            </a:r>
            <a:r>
              <a:rPr lang="nb-NO" dirty="0" err="1"/>
              <a:t>if</a:t>
            </a:r>
            <a:r>
              <a:rPr lang="nb-NO" dirty="0"/>
              <a:t> </a:t>
            </a:r>
            <a:r>
              <a:rPr lang="nb-NO" dirty="0" err="1"/>
              <a:t>possible</a:t>
            </a:r>
            <a:r>
              <a:rPr lang="nb-NO" dirty="0"/>
              <a:t>) </a:t>
            </a:r>
            <a:r>
              <a:rPr lang="nb-NO" dirty="0" err="1"/>
              <a:t>tools</a:t>
            </a:r>
            <a:r>
              <a:rPr lang="nb-NO" dirty="0"/>
              <a:t> and </a:t>
            </a:r>
            <a:r>
              <a:rPr lang="nb-NO" dirty="0" err="1"/>
              <a:t>technologies</a:t>
            </a:r>
            <a:endParaRPr lang="nb-NO" dirty="0"/>
          </a:p>
          <a:p>
            <a:endParaRPr lang="nb-NO" dirty="0"/>
          </a:p>
          <a:p>
            <a:r>
              <a:rPr lang="nb-NO" dirty="0"/>
              <a:t>SHOP Portal</a:t>
            </a:r>
          </a:p>
          <a:p>
            <a:endParaRPr lang="nb-NO" dirty="0"/>
          </a:p>
          <a:p>
            <a:r>
              <a:rPr lang="nb-NO" dirty="0"/>
              <a:t>SHOP Lab</a:t>
            </a:r>
          </a:p>
          <a:p>
            <a:endParaRPr lang="nb-NO" dirty="0"/>
          </a:p>
        </p:txBody>
      </p:sp>
      <p:pic>
        <p:nvPicPr>
          <p:cNvPr id="2" name="Bilde 1">
            <a:extLst>
              <a:ext uri="{FF2B5EF4-FFF2-40B4-BE49-F238E27FC236}">
                <a16:creationId xmlns:a16="http://schemas.microsoft.com/office/drawing/2014/main" id="{03AB36C7-CB26-E648-BF1F-51D740F317A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1720" r="11539" b="4804"/>
          <a:stretch/>
        </p:blipFill>
        <p:spPr>
          <a:xfrm>
            <a:off x="6369628" y="540874"/>
            <a:ext cx="5299710" cy="57762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19412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80FF5948-3097-9D4A-BFF9-CD69FA88D8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nb-NO" sz="7200" dirty="0"/>
              <a:t>SHOP Lab 2.0</a:t>
            </a:r>
          </a:p>
          <a:p>
            <a:pPr marL="0" indent="0" algn="ctr">
              <a:buNone/>
            </a:pPr>
            <a:endParaRPr lang="nb-NO" sz="7200" strike="sngStrike" dirty="0"/>
          </a:p>
          <a:p>
            <a:pPr marL="0" indent="0" algn="ctr">
              <a:buNone/>
            </a:pPr>
            <a:endParaRPr lang="nb-NO" sz="7200" strike="sngStrike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699265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80FF5948-3097-9D4A-BFF9-CD69FA88D8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nb-NO" sz="7200" strike="sngStrike" dirty="0">
                <a:solidFill>
                  <a:schemeClr val="bg1">
                    <a:lumMod val="50000"/>
                  </a:schemeClr>
                </a:solidFill>
              </a:rPr>
              <a:t>SHOP Lab 2.0</a:t>
            </a:r>
          </a:p>
          <a:p>
            <a:pPr marL="0" indent="0" algn="ctr">
              <a:buNone/>
            </a:pPr>
            <a:endParaRPr lang="nb-NO" sz="7200" strike="sngStrike" dirty="0"/>
          </a:p>
          <a:p>
            <a:pPr marL="0" indent="0" algn="ctr">
              <a:buNone/>
            </a:pPr>
            <a:r>
              <a:rPr lang="nb-NO" sz="7200" dirty="0"/>
              <a:t>SINTEF Energy Virtual Lab</a:t>
            </a:r>
          </a:p>
          <a:p>
            <a:pPr marL="0" indent="0" algn="ctr">
              <a:buNone/>
            </a:pPr>
            <a:endParaRPr lang="nb-NO" sz="7200" strike="sngStrike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89533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6">
            <a:extLst>
              <a:ext uri="{FF2B5EF4-FFF2-40B4-BE49-F238E27FC236}">
                <a16:creationId xmlns:a16="http://schemas.microsoft.com/office/drawing/2014/main" id="{6E739576-00EE-5F42-AD97-03E5E88560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Vlab</a:t>
            </a:r>
            <a:r>
              <a:rPr lang="nb-NO" dirty="0"/>
              <a:t> </a:t>
            </a:r>
            <a:r>
              <a:rPr lang="nb-NO" dirty="0" err="1"/>
              <a:t>stack</a:t>
            </a:r>
            <a:r>
              <a:rPr lang="nb-NO" dirty="0"/>
              <a:t> </a:t>
            </a:r>
            <a:r>
              <a:rPr lang="nb-NO" dirty="0" err="1"/>
              <a:t>overview</a:t>
            </a:r>
            <a:endParaRPr lang="nb-NO" dirty="0"/>
          </a:p>
        </p:txBody>
      </p:sp>
      <p:sp>
        <p:nvSpPr>
          <p:cNvPr id="8" name="Plassholder for tekst 7">
            <a:extLst>
              <a:ext uri="{FF2B5EF4-FFF2-40B4-BE49-F238E27FC236}">
                <a16:creationId xmlns:a16="http://schemas.microsoft.com/office/drawing/2014/main" id="{335D9506-ED06-8C4D-8D24-E25C77DA1F7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379382" y="1930020"/>
            <a:ext cx="6290310" cy="4219018"/>
          </a:xfrm>
        </p:spPr>
        <p:txBody>
          <a:bodyPr>
            <a:normAutofit fontScale="92500" lnSpcReduction="10000"/>
          </a:bodyPr>
          <a:lstStyle/>
          <a:p>
            <a:endParaRPr lang="nb-NO" dirty="0"/>
          </a:p>
          <a:p>
            <a:r>
              <a:rPr lang="nb-NO" dirty="0"/>
              <a:t>Intuitive and </a:t>
            </a:r>
            <a:r>
              <a:rPr lang="nb-NO" dirty="0" err="1"/>
              <a:t>creative</a:t>
            </a:r>
            <a:endParaRPr lang="nb-NO" dirty="0"/>
          </a:p>
          <a:p>
            <a:endParaRPr lang="nb-NO" dirty="0"/>
          </a:p>
          <a:p>
            <a:pPr marL="285750" lvl="1" indent="0">
              <a:buNone/>
            </a:pPr>
            <a:endParaRPr lang="nb-NO" dirty="0"/>
          </a:p>
          <a:p>
            <a:r>
              <a:rPr lang="nb-NO" dirty="0" err="1"/>
              <a:t>Consistent</a:t>
            </a:r>
            <a:r>
              <a:rPr lang="nb-NO" dirty="0"/>
              <a:t> and </a:t>
            </a:r>
            <a:r>
              <a:rPr lang="nb-NO" dirty="0" err="1"/>
              <a:t>maintainable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Scalable</a:t>
            </a:r>
            <a:r>
              <a:rPr lang="nb-NO" dirty="0"/>
              <a:t> and </a:t>
            </a:r>
            <a:r>
              <a:rPr lang="nb-NO" dirty="0" err="1"/>
              <a:t>flexible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 err="1"/>
              <a:t>Secure</a:t>
            </a:r>
            <a:r>
              <a:rPr lang="nb-NO" dirty="0"/>
              <a:t> and robust</a:t>
            </a:r>
          </a:p>
        </p:txBody>
      </p:sp>
      <p:pic>
        <p:nvPicPr>
          <p:cNvPr id="1026" name="Picture 2" descr="Configuring and Operating a Hybrid Cloud with Microsoft Azure Stack -  Teorema">
            <a:extLst>
              <a:ext uri="{FF2B5EF4-FFF2-40B4-BE49-F238E27FC236}">
                <a16:creationId xmlns:a16="http://schemas.microsoft.com/office/drawing/2014/main" id="{85016F48-8AC3-4543-A3A1-184B9710BD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2350" y="5084612"/>
            <a:ext cx="3147364" cy="17703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omepage-docker-logo - Docker Blog">
            <a:extLst>
              <a:ext uri="{FF2B5EF4-FFF2-40B4-BE49-F238E27FC236}">
                <a16:creationId xmlns:a16="http://schemas.microsoft.com/office/drawing/2014/main" id="{2A22AFBA-140B-1446-9C68-347DAB641E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4360" y="3420980"/>
            <a:ext cx="1063432" cy="879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Kubernetes – Logos Download">
            <a:extLst>
              <a:ext uri="{FF2B5EF4-FFF2-40B4-BE49-F238E27FC236}">
                <a16:creationId xmlns:a16="http://schemas.microsoft.com/office/drawing/2014/main" id="{2F2538C7-281F-3844-87FF-6A13D3B953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2018" y="4405731"/>
            <a:ext cx="1868116" cy="9498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>
            <a:extLst>
              <a:ext uri="{FF2B5EF4-FFF2-40B4-BE49-F238E27FC236}">
                <a16:creationId xmlns:a16="http://schemas.microsoft.com/office/drawing/2014/main" id="{EBBB9311-B2B3-F94F-A95E-3A1A9B4A0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13782" y="2054711"/>
            <a:ext cx="1084010" cy="12564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279596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6">
            <a:extLst>
              <a:ext uri="{FF2B5EF4-FFF2-40B4-BE49-F238E27FC236}">
                <a16:creationId xmlns:a16="http://schemas.microsoft.com/office/drawing/2014/main" id="{6E739576-00EE-5F42-AD97-03E5E88560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Vlab</a:t>
            </a:r>
            <a:r>
              <a:rPr lang="nb-NO" dirty="0"/>
              <a:t> </a:t>
            </a:r>
            <a:r>
              <a:rPr lang="nb-NO" dirty="0" err="1"/>
              <a:t>stack</a:t>
            </a:r>
            <a:r>
              <a:rPr lang="nb-NO" dirty="0"/>
              <a:t> </a:t>
            </a:r>
            <a:r>
              <a:rPr lang="nb-NO" dirty="0" err="1"/>
              <a:t>overview</a:t>
            </a:r>
            <a:endParaRPr lang="nb-NO" dirty="0"/>
          </a:p>
        </p:txBody>
      </p:sp>
      <p:pic>
        <p:nvPicPr>
          <p:cNvPr id="1030" name="Picture 6" descr="homepage-docker-logo - Docker Blog">
            <a:extLst>
              <a:ext uri="{FF2B5EF4-FFF2-40B4-BE49-F238E27FC236}">
                <a16:creationId xmlns:a16="http://schemas.microsoft.com/office/drawing/2014/main" id="{2A22AFBA-140B-1446-9C68-347DAB641E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8000" y="5135029"/>
            <a:ext cx="1240342" cy="10263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Kubernetes – Logos Download">
            <a:extLst>
              <a:ext uri="{FF2B5EF4-FFF2-40B4-BE49-F238E27FC236}">
                <a16:creationId xmlns:a16="http://schemas.microsoft.com/office/drawing/2014/main" id="{2F2538C7-281F-3844-87FF-6A13D3B953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39316" y="5206467"/>
            <a:ext cx="1741604" cy="8855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>
            <a:extLst>
              <a:ext uri="{FF2B5EF4-FFF2-40B4-BE49-F238E27FC236}">
                <a16:creationId xmlns:a16="http://schemas.microsoft.com/office/drawing/2014/main" id="{EBBB9311-B2B3-F94F-A95E-3A1A9B4A06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75422" y="5093174"/>
            <a:ext cx="1084010" cy="12564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2" descr="Microsoft, azure, logo Free Icon of Vector Logo">
            <a:extLst>
              <a:ext uri="{FF2B5EF4-FFF2-40B4-BE49-F238E27FC236}">
                <a16:creationId xmlns:a16="http://schemas.microsoft.com/office/drawing/2014/main" id="{F5BE98A0-04A4-4449-9DFD-38CB5A2A5D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18652" y="5096626"/>
            <a:ext cx="2519148" cy="1259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038733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0E88541D-827D-4441-813F-5EF907C3B42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0" indent="0" algn="ctr">
              <a:buNone/>
            </a:pPr>
            <a:endParaRPr lang="nb-NO" sz="7200" dirty="0"/>
          </a:p>
          <a:p>
            <a:pPr marL="0" indent="0" algn="ctr">
              <a:buNone/>
            </a:pPr>
            <a:r>
              <a:rPr lang="nb-NO" sz="7200" dirty="0"/>
              <a:t>Demo</a:t>
            </a:r>
          </a:p>
          <a:p>
            <a:endParaRPr lang="nb-NO" dirty="0"/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8514443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tel 4">
            <a:extLst>
              <a:ext uri="{FF2B5EF4-FFF2-40B4-BE49-F238E27FC236}">
                <a16:creationId xmlns:a16="http://schemas.microsoft.com/office/drawing/2014/main" id="{3B8A502C-2DAD-9648-AF50-A6484A65F9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Consistency</a:t>
            </a:r>
            <a:r>
              <a:rPr lang="nb-NO" dirty="0"/>
              <a:t> </a:t>
            </a:r>
            <a:r>
              <a:rPr lang="nb-NO" dirty="0" err="1"/>
              <a:t>across</a:t>
            </a:r>
            <a:r>
              <a:rPr lang="nb-NO" dirty="0"/>
              <a:t> </a:t>
            </a:r>
            <a:r>
              <a:rPr lang="nb-NO" dirty="0" err="1"/>
              <a:t>platforms</a:t>
            </a:r>
            <a:endParaRPr lang="nb-NO" dirty="0"/>
          </a:p>
        </p:txBody>
      </p:sp>
      <p:pic>
        <p:nvPicPr>
          <p:cNvPr id="2050" name="Picture 2" descr="GitHub logo and symbol, meaning, history, PNG">
            <a:extLst>
              <a:ext uri="{FF2B5EF4-FFF2-40B4-BE49-F238E27FC236}">
                <a16:creationId xmlns:a16="http://schemas.microsoft.com/office/drawing/2014/main" id="{A6558151-DBAA-6C4B-9115-9E109AC554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8745" y="3067610"/>
            <a:ext cx="1940142" cy="10913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How to install Wordpress CMS - Multiplicalia.com - eCommerce Design">
            <a:extLst>
              <a:ext uri="{FF2B5EF4-FFF2-40B4-BE49-F238E27FC236}">
                <a16:creationId xmlns:a16="http://schemas.microsoft.com/office/drawing/2014/main" id="{E667AB41-48CB-074A-BBBE-F0CD213F6B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92978" y="1852313"/>
            <a:ext cx="1542377" cy="9588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0" name="Picture 12" descr="IllustrisTNG - Data Access - FAQ">
            <a:extLst>
              <a:ext uri="{FF2B5EF4-FFF2-40B4-BE49-F238E27FC236}">
                <a16:creationId xmlns:a16="http://schemas.microsoft.com/office/drawing/2014/main" id="{A4D9E3E8-5134-804C-9CE3-0EAC92AE05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78743" y="4069144"/>
            <a:ext cx="2109422" cy="9588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Feature request] nbviewer badge? · Issue #714 · jupyter/nbviewer · GitHub">
            <a:extLst>
              <a:ext uri="{FF2B5EF4-FFF2-40B4-BE49-F238E27FC236}">
                <a16:creationId xmlns:a16="http://schemas.microsoft.com/office/drawing/2014/main" id="{14C6E638-9D5D-5749-B55B-8184E7AD4C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83172">
            <a:off x="4983876" y="2941905"/>
            <a:ext cx="1590216" cy="2948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kstSylinder 8">
            <a:extLst>
              <a:ext uri="{FF2B5EF4-FFF2-40B4-BE49-F238E27FC236}">
                <a16:creationId xmlns:a16="http://schemas.microsoft.com/office/drawing/2014/main" id="{4F52D0CE-7AF0-0949-8020-1FF8EDCFF2DA}"/>
              </a:ext>
            </a:extLst>
          </p:cNvPr>
          <p:cNvSpPr txBox="1"/>
          <p:nvPr/>
        </p:nvSpPr>
        <p:spPr>
          <a:xfrm>
            <a:off x="7692978" y="3067610"/>
            <a:ext cx="1542377" cy="369332"/>
          </a:xfrm>
          <a:prstGeom prst="rect">
            <a:avLst/>
          </a:prstGeom>
          <a:solidFill>
            <a:schemeClr val="tx2"/>
          </a:solidFill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solidFill>
                  <a:schemeClr val="bg1"/>
                </a:solidFill>
              </a:rPr>
              <a:t>SHOP Portal</a:t>
            </a:r>
          </a:p>
        </p:txBody>
      </p:sp>
      <p:sp>
        <p:nvSpPr>
          <p:cNvPr id="17" name="TekstSylinder 16">
            <a:extLst>
              <a:ext uri="{FF2B5EF4-FFF2-40B4-BE49-F238E27FC236}">
                <a16:creationId xmlns:a16="http://schemas.microsoft.com/office/drawing/2014/main" id="{F9433A30-ECDD-434C-A0AD-6CA720F921E6}"/>
              </a:ext>
            </a:extLst>
          </p:cNvPr>
          <p:cNvSpPr txBox="1"/>
          <p:nvPr/>
        </p:nvSpPr>
        <p:spPr>
          <a:xfrm>
            <a:off x="7820224" y="5282231"/>
            <a:ext cx="1415131" cy="923330"/>
          </a:xfrm>
          <a:prstGeom prst="rect">
            <a:avLst/>
          </a:prstGeom>
          <a:solidFill>
            <a:schemeClr val="tx2"/>
          </a:solidFill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solidFill>
                  <a:schemeClr val="bg1"/>
                </a:solidFill>
              </a:rPr>
              <a:t>SINTEF Energy Virtual Lab</a:t>
            </a:r>
          </a:p>
        </p:txBody>
      </p:sp>
      <p:sp>
        <p:nvSpPr>
          <p:cNvPr id="19" name="TekstSylinder 18">
            <a:extLst>
              <a:ext uri="{FF2B5EF4-FFF2-40B4-BE49-F238E27FC236}">
                <a16:creationId xmlns:a16="http://schemas.microsoft.com/office/drawing/2014/main" id="{4EADEA53-C898-674D-82A8-2E6326F0CBFE}"/>
              </a:ext>
            </a:extLst>
          </p:cNvPr>
          <p:cNvSpPr txBox="1"/>
          <p:nvPr/>
        </p:nvSpPr>
        <p:spPr>
          <a:xfrm>
            <a:off x="3009429" y="4342621"/>
            <a:ext cx="1555464" cy="923330"/>
          </a:xfrm>
          <a:prstGeom prst="rect">
            <a:avLst/>
          </a:prstGeom>
          <a:solidFill>
            <a:schemeClr val="tx2"/>
          </a:solidFill>
        </p:spPr>
        <p:txBody>
          <a:bodyPr wrap="square" rtlCol="0">
            <a:spAutoFit/>
          </a:bodyPr>
          <a:lstStyle/>
          <a:p>
            <a:pPr algn="ctr"/>
            <a:r>
              <a:rPr lang="nb-NO" dirty="0" err="1">
                <a:solidFill>
                  <a:schemeClr val="bg1"/>
                </a:solidFill>
              </a:rPr>
              <a:t>Origin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of</a:t>
            </a:r>
            <a:r>
              <a:rPr lang="nb-NO" dirty="0">
                <a:solidFill>
                  <a:schemeClr val="bg1"/>
                </a:solidFill>
              </a:rPr>
              <a:t> data (</a:t>
            </a:r>
            <a:r>
              <a:rPr lang="nb-NO" dirty="0" err="1">
                <a:solidFill>
                  <a:schemeClr val="bg1"/>
                </a:solidFill>
              </a:rPr>
              <a:t>version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controlled</a:t>
            </a:r>
            <a:r>
              <a:rPr lang="nb-NO" dirty="0">
                <a:solidFill>
                  <a:schemeClr val="bg1"/>
                </a:solidFill>
              </a:rPr>
              <a:t>)</a:t>
            </a:r>
          </a:p>
        </p:txBody>
      </p:sp>
      <p:sp>
        <p:nvSpPr>
          <p:cNvPr id="12" name="Pil høyre 11">
            <a:extLst>
              <a:ext uri="{FF2B5EF4-FFF2-40B4-BE49-F238E27FC236}">
                <a16:creationId xmlns:a16="http://schemas.microsoft.com/office/drawing/2014/main" id="{CD1BC93B-EE7D-7F48-B7BC-9BF2261AB750}"/>
              </a:ext>
            </a:extLst>
          </p:cNvPr>
          <p:cNvSpPr/>
          <p:nvPr/>
        </p:nvSpPr>
        <p:spPr>
          <a:xfrm rot="20088996">
            <a:off x="4900840" y="3431201"/>
            <a:ext cx="2177775" cy="261974"/>
          </a:xfrm>
          <a:prstGeom prst="rightArrow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26" name="Pil høyre 25">
            <a:extLst>
              <a:ext uri="{FF2B5EF4-FFF2-40B4-BE49-F238E27FC236}">
                <a16:creationId xmlns:a16="http://schemas.microsoft.com/office/drawing/2014/main" id="{E814F3EA-009A-3F40-8741-DD07A5549D74}"/>
              </a:ext>
            </a:extLst>
          </p:cNvPr>
          <p:cNvSpPr/>
          <p:nvPr/>
        </p:nvSpPr>
        <p:spPr>
          <a:xfrm rot="834561">
            <a:off x="5066770" y="4897010"/>
            <a:ext cx="2177775" cy="261974"/>
          </a:xfrm>
          <a:prstGeom prst="rightArrow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27" name="Pil høyre 26">
            <a:extLst>
              <a:ext uri="{FF2B5EF4-FFF2-40B4-BE49-F238E27FC236}">
                <a16:creationId xmlns:a16="http://schemas.microsoft.com/office/drawing/2014/main" id="{1807CCB4-5EAC-FA47-93FD-B71410DF3679}"/>
              </a:ext>
            </a:extLst>
          </p:cNvPr>
          <p:cNvSpPr/>
          <p:nvPr/>
        </p:nvSpPr>
        <p:spPr>
          <a:xfrm rot="11782878">
            <a:off x="5059952" y="5562257"/>
            <a:ext cx="2177775" cy="261974"/>
          </a:xfrm>
          <a:prstGeom prst="rightArrow">
            <a:avLst/>
          </a:prstGeom>
          <a:solidFill>
            <a:schemeClr val="tx2">
              <a:alpha val="37862"/>
            </a:schemeClr>
          </a:solidFill>
          <a:ln>
            <a:solidFill>
              <a:schemeClr val="tx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13" name="TekstSylinder 12">
            <a:extLst>
              <a:ext uri="{FF2B5EF4-FFF2-40B4-BE49-F238E27FC236}">
                <a16:creationId xmlns:a16="http://schemas.microsoft.com/office/drawing/2014/main" id="{B4A918D9-EB5D-664A-9FA1-CED451E740D1}"/>
              </a:ext>
            </a:extLst>
          </p:cNvPr>
          <p:cNvSpPr txBox="1"/>
          <p:nvPr/>
        </p:nvSpPr>
        <p:spPr>
          <a:xfrm rot="1014728">
            <a:off x="4530048" y="5864098"/>
            <a:ext cx="347460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200" dirty="0" err="1"/>
              <a:t>Vlab</a:t>
            </a:r>
            <a:r>
              <a:rPr lang="nb-NO" sz="1200" dirty="0"/>
              <a:t> </a:t>
            </a:r>
            <a:r>
              <a:rPr lang="nb-NO" sz="1200" dirty="0" err="1"/>
              <a:t>can</a:t>
            </a:r>
            <a:r>
              <a:rPr lang="nb-NO" sz="1200" dirty="0"/>
              <a:t> be used to </a:t>
            </a:r>
            <a:r>
              <a:rPr lang="nb-NO" sz="1200" dirty="0" err="1"/>
              <a:t>with</a:t>
            </a:r>
            <a:r>
              <a:rPr lang="nb-NO" sz="1200" dirty="0"/>
              <a:t> </a:t>
            </a:r>
            <a:r>
              <a:rPr lang="nb-NO" sz="1200" dirty="0" err="1"/>
              <a:t>git</a:t>
            </a:r>
            <a:r>
              <a:rPr lang="nb-NO" sz="1200" dirty="0"/>
              <a:t> </a:t>
            </a:r>
            <a:r>
              <a:rPr lang="nb-NO" sz="1200" dirty="0" err="1"/>
              <a:t>directly</a:t>
            </a:r>
            <a:r>
              <a:rPr lang="nb-NO" sz="1200" dirty="0"/>
              <a:t> to </a:t>
            </a:r>
            <a:r>
              <a:rPr lang="nb-NO" sz="1200" dirty="0" err="1"/>
              <a:t>add</a:t>
            </a:r>
            <a:r>
              <a:rPr lang="nb-NO" sz="1200" dirty="0"/>
              <a:t>/</a:t>
            </a:r>
            <a:r>
              <a:rPr lang="nb-NO" sz="1200" dirty="0" err="1"/>
              <a:t>edit</a:t>
            </a:r>
            <a:r>
              <a:rPr lang="nb-NO" sz="1200" dirty="0"/>
              <a:t> files </a:t>
            </a:r>
          </a:p>
        </p:txBody>
      </p:sp>
    </p:spTree>
    <p:extLst>
      <p:ext uri="{BB962C8B-B14F-4D97-AF65-F5344CB8AC3E}">
        <p14:creationId xmlns:p14="http://schemas.microsoft.com/office/powerpoint/2010/main" val="10213146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5103173348026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510317334802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Med blå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3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4.xml><?xml version="1.0" encoding="utf-8"?>
<a:theme xmlns:a="http://schemas.openxmlformats.org/drawingml/2006/main" name="Med mørk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5.xml><?xml version="1.0" encoding="utf-8"?>
<a:theme xmlns:a="http://schemas.openxmlformats.org/drawingml/2006/main" name="Med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79FDC3EE-BB6F-42E0-8E0F-DE68914440D8}"/>
    </a:ext>
  </a:extLst>
</a:theme>
</file>

<file path=ppt/theme/theme6.xml><?xml version="1.0" encoding="utf-8"?>
<a:theme xmlns:a="http://schemas.openxmlformats.org/drawingml/2006/main" name="Med gul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FFC7C1F-DC70-437B-BCF1-E44AAF85B9A2}"/>
    </a:ext>
  </a:extLst>
</a:theme>
</file>

<file path=ppt/theme/theme7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  <TaxCatchAll xmlns="3f4bac50-0c13-4f0e-8e6c-7447dbdf8126" xsi:nil="true"/>
    <lcf76f155ced4ddcb4097134ff3c332f xmlns="38864fb5-a85e-415e-90ee-3e6d78fb5bf3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65FB892C3EDE0748A6272512FC448F48" ma:contentTypeVersion="53" ma:contentTypeDescription="Opprett et nytt dokument." ma:contentTypeScope="" ma:versionID="344f48d5513d97b3988b885fe0c9d022">
  <xsd:schema xmlns:xsd="http://www.w3.org/2001/XMLSchema" xmlns:xs="http://www.w3.org/2001/XMLSchema" xmlns:p="http://schemas.microsoft.com/office/2006/metadata/properties" xmlns:ns2="8bbd4995-53b7-43e2-b62f-10947586ac31" xmlns:ns3="38864fb5-a85e-415e-90ee-3e6d78fb5bf3" xmlns:ns4="3f4bac50-0c13-4f0e-8e6c-7447dbdf8126" targetNamespace="http://schemas.microsoft.com/office/2006/metadata/properties" ma:root="true" ma:fieldsID="0e982c32cf7a068e05818d6084f4132f" ns2:_="" ns3:_="" ns4:_="">
    <xsd:import namespace="8bbd4995-53b7-43e2-b62f-10947586ac31"/>
    <xsd:import namespace="38864fb5-a85e-415e-90ee-3e6d78fb5bf3"/>
    <xsd:import namespace="3f4bac50-0c13-4f0e-8e6c-7447dbdf8126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4:SharedWithUsers" minOccurs="0"/>
                <xsd:element ref="ns4:SharedWithDetails" minOccurs="0"/>
                <xsd:element ref="ns3:MediaServiceAutoKeyPoints" minOccurs="0"/>
                <xsd:element ref="ns3:MediaServiceKeyPoints" minOccurs="0"/>
                <xsd:element ref="ns3:MediaServiceLocation" minOccurs="0"/>
                <xsd:element ref="ns3:MediaServiceGenerationTime" minOccurs="0"/>
                <xsd:element ref="ns3:MediaServiceEventHashCode" minOccurs="0"/>
                <xsd:element ref="ns3:MediaLengthInSeconds" minOccurs="0"/>
                <xsd:element ref="ns3:lcf76f155ced4ddcb4097134ff3c332f" minOccurs="0"/>
                <xsd:element ref="ns4:TaxCatchAll" minOccurs="0"/>
                <xsd:element ref="ns3:MediaServiceObjectDetectorVersions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11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2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SiteSubTitle" ma:index="13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14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5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6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7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8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19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0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21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2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23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24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25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DocumentAuthor" ma:index="26" nillable="true" ma:displayName="Hovedforfatte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7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28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29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30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1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2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3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4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5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6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37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38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39" nillable="true" ma:displayName="Versjon" ma:internalName="CorpDocVersion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8864fb5-a85e-415e-90ee-3e6d78fb5bf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4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43" nillable="true" ma:displayName="Tags" ma:internalName="MediaServiceAutoTags" ma:readOnly="true">
      <xsd:simpleType>
        <xsd:restriction base="dms:Text"/>
      </xsd:simpleType>
    </xsd:element>
    <xsd:element name="MediaServiceOCR" ma:index="4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47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48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49" nillable="true" ma:displayName="Location" ma:internalName="MediaServiceLocation" ma:readOnly="true">
      <xsd:simpleType>
        <xsd:restriction base="dms:Text"/>
      </xsd:simpleType>
    </xsd:element>
    <xsd:element name="MediaServiceGenerationTime" ma:index="50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1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52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54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57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58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f4bac50-0c13-4f0e-8e6c-7447dbdf8126" elementFormDefault="qualified">
    <xsd:import namespace="http://schemas.microsoft.com/office/2006/documentManagement/types"/>
    <xsd:import namespace="http://schemas.microsoft.com/office/infopath/2007/PartnerControls"/>
    <xsd:element name="SharedWithUsers" ma:index="4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6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55" nillable="true" ma:displayName="Taxonomy Catch All Column" ma:hidden="true" ma:list="{90d2940c-c594-48b2-a06a-8cbdc53595cc}" ma:internalName="TaxCatchAll" ma:showField="CatchAllData" ma:web="3f4bac50-0c13-4f0e-8e6c-7447dbdf812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645A9D7-53BF-4F8A-B6A3-75E888763AAB}">
  <ds:schemaRefs>
    <ds:schemaRef ds:uri="8bbd4995-53b7-43e2-b62f-10947586ac31"/>
    <ds:schemaRef ds:uri="http://purl.org/dc/dcmitype/"/>
    <ds:schemaRef ds:uri="http://schemas.openxmlformats.org/package/2006/metadata/core-properties"/>
    <ds:schemaRef ds:uri="http://purl.org/dc/elements/1.1/"/>
    <ds:schemaRef ds:uri="http://www.w3.org/XML/1998/namespace"/>
    <ds:schemaRef ds:uri="http://schemas.microsoft.com/office/2006/documentManagement/types"/>
    <ds:schemaRef ds:uri="http://purl.org/dc/terms/"/>
    <ds:schemaRef ds:uri="http://schemas.microsoft.com/office/2006/metadata/properties"/>
    <ds:schemaRef ds:uri="http://schemas.microsoft.com/office/infopath/2007/PartnerControls"/>
    <ds:schemaRef ds:uri="3f4bac50-0c13-4f0e-8e6c-7447dbdf8126"/>
    <ds:schemaRef ds:uri="38864fb5-a85e-415e-90ee-3e6d78fb5bf3"/>
  </ds:schemaRefs>
</ds:datastoreItem>
</file>

<file path=customXml/itemProps2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E474EFA-BB0A-4A5C-B741-7274935A098B}"/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7982</TotalTime>
  <Words>2754</Words>
  <Application>Microsoft Macintosh PowerPoint</Application>
  <PresentationFormat>Widescreen</PresentationFormat>
  <Paragraphs>122</Paragraphs>
  <Slides>11</Slides>
  <Notes>11</Notes>
  <HiddenSlides>0</HiddenSlides>
  <MMClips>0</MMClips>
  <ScaleCrop>false</ScaleCrop>
  <HeadingPairs>
    <vt:vector size="6" baseType="variant">
      <vt:variant>
        <vt:lpstr>Brukte skrifter</vt:lpstr>
      </vt:variant>
      <vt:variant>
        <vt:i4>5</vt:i4>
      </vt:variant>
      <vt:variant>
        <vt:lpstr>Tema</vt:lpstr>
      </vt:variant>
      <vt:variant>
        <vt:i4>7</vt:i4>
      </vt:variant>
      <vt:variant>
        <vt:lpstr>Lysbildetitler</vt:lpstr>
      </vt:variant>
      <vt:variant>
        <vt:i4>11</vt:i4>
      </vt:variant>
    </vt:vector>
  </HeadingPairs>
  <TitlesOfParts>
    <vt:vector size="23" baseType="lpstr">
      <vt:lpstr>Arial</vt:lpstr>
      <vt:lpstr>Calibri</vt:lpstr>
      <vt:lpstr>Calibri Light</vt:lpstr>
      <vt:lpstr>Courier New</vt:lpstr>
      <vt:lpstr>Wingdings</vt:lpstr>
      <vt:lpstr>Uten bunnlinje</vt:lpstr>
      <vt:lpstr>Med blå bunnlinje</vt:lpstr>
      <vt:lpstr>Uten bunnline (Blå)</vt:lpstr>
      <vt:lpstr>Med mørk grønn bunnlinje</vt:lpstr>
      <vt:lpstr>Med grønn bunnlinje</vt:lpstr>
      <vt:lpstr>Med gul bunnlinje</vt:lpstr>
      <vt:lpstr>Kapitteldeler</vt:lpstr>
      <vt:lpstr>Digital lab modelling</vt:lpstr>
      <vt:lpstr>Background</vt:lpstr>
      <vt:lpstr>Background</vt:lpstr>
      <vt:lpstr>PowerPoint-presentasjon</vt:lpstr>
      <vt:lpstr>PowerPoint-presentasjon</vt:lpstr>
      <vt:lpstr>Vlab stack overview</vt:lpstr>
      <vt:lpstr>Vlab stack overview</vt:lpstr>
      <vt:lpstr>PowerPoint-presentasjon</vt:lpstr>
      <vt:lpstr>Consistency across platforms</vt:lpstr>
      <vt:lpstr>PowerPoint-presentasjon</vt:lpstr>
      <vt:lpstr>PowerPoint-presentasj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cp:lastModifiedBy>Bjørnar Fjelldal</cp:lastModifiedBy>
  <cp:revision>44</cp:revision>
  <dcterms:created xsi:type="dcterms:W3CDTF">2020-09-21T08:48:04Z</dcterms:created>
  <dcterms:modified xsi:type="dcterms:W3CDTF">2021-11-16T14:17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80065FB892C3EDE0748A6272512FC448F48</vt:lpwstr>
  </property>
  <property fmtid="{D5CDD505-2E9C-101B-9397-08002B2CF9AE}" pid="3" name="TemplafyTimeStamp">
    <vt:lpwstr>2021-04-28T09:35:05.1525649Z</vt:lpwstr>
  </property>
  <property fmtid="{D5CDD505-2E9C-101B-9397-08002B2CF9AE}" pid="4" name="CustomerId">
    <vt:lpwstr>sintef</vt:lpwstr>
  </property>
  <property fmtid="{D5CDD505-2E9C-101B-9397-08002B2CF9AE}" pid="5" name="TemplateId">
    <vt:lpwstr>637469247420098111</vt:lpwstr>
  </property>
  <property fmtid="{D5CDD505-2E9C-101B-9397-08002B2CF9AE}" pid="6" name="UserProfileId">
    <vt:lpwstr>637523443965542298</vt:lpwstr>
  </property>
</Properties>
</file>